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5831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5723215\Desktop\work\"/>
    </mc:Choice>
  </mc:AlternateContent>
  <xr:revisionPtr revIDLastSave="0" documentId="13_ncr:1_{716F553E-2D1B-4D37-8AAA-B6D3DF92A49E}" xr6:coauthVersionLast="47" xr6:coauthVersionMax="47" xr10:uidLastSave="{00000000-0000-0000-0000-000000000000}"/>
  <bookViews>
    <workbookView xWindow="-120" yWindow="-120" windowWidth="24240" windowHeight="13140" tabRatio="812" xr2:uid="{00000000-000D-0000-FFFF-FFFF00000000}"/>
  </bookViews>
  <sheets>
    <sheet name="一般会計" sheetId="1" r:id="rId1"/>
  </sheets>
  <definedNames>
    <definedName name="_xlnm.Print_Area" localSheetId="0">一般会計!$A$5:$I$359</definedName>
    <definedName name="_xlnm.Print_Area">#REF!</definedName>
    <definedName name="_xlnm.Print_Titles" localSheetId="0">一般会計!$7:$11</definedName>
    <definedName name="Z_6329FFE8_6DD9_4CA2_A1F7_77D00E241677_.wvu.PrintArea" localSheetId="0" hidden="1">一般会計!$A$5:$I$359</definedName>
    <definedName name="Z_6329FFE8_6DD9_4CA2_A1F7_77D00E241677_.wvu.PrintTitles" localSheetId="0" hidden="1">一般会計!$7:$11</definedName>
    <definedName name="Z_63E72C4B_0425_427F_B021_595A878B0101_.wvu.PrintArea" localSheetId="0" hidden="1">一般会計!$A$5:$I$359</definedName>
    <definedName name="Z_63E72C4B_0425_427F_B021_595A878B0101_.wvu.PrintTitles" localSheetId="0" hidden="1">一般会計!$7:$11</definedName>
    <definedName name="Z_6429B997_388E_4C1B_91D1_023C7D699B0E_.wvu.PrintArea" localSheetId="0" hidden="1">一般会計!$A$5:$I$359</definedName>
    <definedName name="Z_6429B997_388E_4C1B_91D1_023C7D699B0E_.wvu.PrintTitles" localSheetId="0" hidden="1">一般会計!$7:$11</definedName>
    <definedName name="Z_67821D83_BC16_4D0F_BC94_FCEF3D82A48E_.wvu.PrintArea" localSheetId="0" hidden="1">一般会計!$A$5:$I$359</definedName>
    <definedName name="Z_67821D83_BC16_4D0F_BC94_FCEF3D82A48E_.wvu.PrintTitles" localSheetId="0" hidden="1">一般会計!$7:$11</definedName>
    <definedName name="Z_804A3210_FB6A_47F8_B706_2CEA455FFE8B_.wvu.PrintArea" localSheetId="0" hidden="1">一般会計!$A$1:$I$359</definedName>
    <definedName name="Z_804A3210_FB6A_47F8_B706_2CEA455FFE8B_.wvu.PrintTitles" localSheetId="0" hidden="1">一般会計!$7:$11</definedName>
    <definedName name="Z_A00F1F41_5C8C_4DE8_97E4_6B58F18DB308_.wvu.PrintArea" localSheetId="0" hidden="1">一般会計!$A$1:$I$359</definedName>
    <definedName name="Z_A00F1F41_5C8C_4DE8_97E4_6B58F18DB308_.wvu.PrintTitles" localSheetId="0" hidden="1">一般会計!$7:$11</definedName>
    <definedName name="Z_A3816552_7586_41A0_81AD_96B9D8D12CD9_.wvu.PrintArea" localSheetId="0" hidden="1">一般会計!$A$1:$I$359</definedName>
    <definedName name="Z_A3816552_7586_41A0_81AD_96B9D8D12CD9_.wvu.PrintTitles" localSheetId="0" hidden="1">一般会計!$7:$11</definedName>
    <definedName name="Z_ABF5A6EC_4A37_4B5F_B682_6DE759B4D695_.wvu.PrintArea" localSheetId="0" hidden="1">一般会計!$A$5:$I$359</definedName>
    <definedName name="Z_ABF5A6EC_4A37_4B5F_B682_6DE759B4D695_.wvu.PrintTitles" localSheetId="0" hidden="1">一般会計!$7:$11</definedName>
    <definedName name="Z_E2396B35_1320_48E2_9011_409EDE41810B_.wvu.PrintArea" localSheetId="0" hidden="1">一般会計!$A$1:$I$359</definedName>
    <definedName name="Z_E2396B35_1320_48E2_9011_409EDE41810B_.wvu.PrintTitles" localSheetId="0" hidden="1">一般会計!$7:$11</definedName>
    <definedName name="その他経費営業外費用金額_1">#REF!</definedName>
    <definedName name="その他経費営業外費用金額_10">#REF!</definedName>
    <definedName name="その他経費営業外費用金額_11">#REF!</definedName>
    <definedName name="その他経費営業外費用金額_12">#REF!</definedName>
    <definedName name="その他経費営業外費用金額_13">#REF!</definedName>
    <definedName name="その他経費営業外費用金額_14">#REF!</definedName>
    <definedName name="その他経費営業外費用金額_15">#REF!</definedName>
    <definedName name="その他経費営業外費用金額_16">#REF!</definedName>
    <definedName name="その他経費営業外費用金額_17">#REF!</definedName>
    <definedName name="その他経費営業外費用金額_18">#REF!</definedName>
    <definedName name="その他経費営業外費用金額_19">#REF!</definedName>
    <definedName name="その他経費営業外費用金額_2">#REF!</definedName>
    <definedName name="その他経費営業外費用金額_20">#REF!</definedName>
    <definedName name="その他経費営業外費用金額_21">#REF!</definedName>
    <definedName name="その他経費営業外費用金額_3">#REF!</definedName>
    <definedName name="その他経費営業外費用金額_4">#REF!</definedName>
    <definedName name="その他経費営業外費用金額_5">#REF!</definedName>
    <definedName name="その他経費営業外費用金額_6">#REF!</definedName>
    <definedName name="その他経費営業外費用金額_7">#REF!</definedName>
    <definedName name="その他経費営業外費用金額_8">#REF!</definedName>
    <definedName name="その他経費営業外費用金額_9">#REF!</definedName>
    <definedName name="その他経費営業外費用税額_1">#REF!</definedName>
    <definedName name="その他経費営業外費用税額_10">#REF!</definedName>
    <definedName name="その他経費営業外費用税額_11">#REF!</definedName>
    <definedName name="その他経費営業外費用税額_12">#REF!</definedName>
    <definedName name="その他経費営業外費用税額_13">#REF!</definedName>
    <definedName name="その他経費営業外費用税額_14">#REF!</definedName>
    <definedName name="その他経費営業外費用税額_15">#REF!</definedName>
    <definedName name="その他経費営業外費用税額_16">#REF!</definedName>
    <definedName name="その他経費営業外費用税額_17">#REF!</definedName>
    <definedName name="その他経費営業外費用税額_18">#REF!</definedName>
    <definedName name="その他経費営業外費用税額_19">#REF!</definedName>
    <definedName name="その他経費営業外費用税額_2">#REF!</definedName>
    <definedName name="その他経費営業外費用税額_20">#REF!</definedName>
    <definedName name="その他経費営業外費用税額_21">#REF!</definedName>
    <definedName name="その他経費営業外費用税額_3">#REF!</definedName>
    <definedName name="その他経費営業外費用税額_4">#REF!</definedName>
    <definedName name="その他経費営業外費用税額_5">#REF!</definedName>
    <definedName name="その他経費営業外費用税額_6">#REF!</definedName>
    <definedName name="その他経費営業外費用税額_7">#REF!</definedName>
    <definedName name="その他経費営業外費用税額_8">#REF!</definedName>
    <definedName name="その他経費営業外費用税額_9">#REF!</definedName>
    <definedName name="その他経費左記以外金額_1">#REF!</definedName>
    <definedName name="その他経費左記以外金額_10">#REF!</definedName>
    <definedName name="その他経費左記以外金額_11">#REF!</definedName>
    <definedName name="その他経費左記以外金額_12">#REF!</definedName>
    <definedName name="その他経費左記以外金額_13">#REF!</definedName>
    <definedName name="その他経費左記以外金額_14">#REF!</definedName>
    <definedName name="その他経費左記以外金額_15">#REF!</definedName>
    <definedName name="その他経費左記以外金額_16">#REF!</definedName>
    <definedName name="その他経費左記以外金額_17">#REF!</definedName>
    <definedName name="その他経費左記以外金額_18">#REF!</definedName>
    <definedName name="その他経費左記以外金額_19">#REF!</definedName>
    <definedName name="その他経費左記以外金額_2">#REF!</definedName>
    <definedName name="その他経費左記以外金額_20">#REF!</definedName>
    <definedName name="その他経費左記以外金額_21">#REF!</definedName>
    <definedName name="その他経費左記以外金額_3">#REF!</definedName>
    <definedName name="その他経費左記以外金額_4">#REF!</definedName>
    <definedName name="その他経費左記以外金額_5">#REF!</definedName>
    <definedName name="その他経費左記以外金額_6">#REF!</definedName>
    <definedName name="その他経費左記以外金額_7">#REF!</definedName>
    <definedName name="その他経費左記以外金額_8">#REF!</definedName>
    <definedName name="その他経費左記以外金額_9">#REF!</definedName>
    <definedName name="その他経費左記以外税額_1">#REF!</definedName>
    <definedName name="その他経費左記以外税額_10">#REF!</definedName>
    <definedName name="その他経費左記以外税額_11">#REF!</definedName>
    <definedName name="その他経費左記以外税額_12">#REF!</definedName>
    <definedName name="その他経費左記以外税額_13">#REF!</definedName>
    <definedName name="その他経費左記以外税額_14">#REF!</definedName>
    <definedName name="その他経費左記以外税額_15">#REF!</definedName>
    <definedName name="その他経費左記以外税額_16">#REF!</definedName>
    <definedName name="その他経費左記以外税額_17">#REF!</definedName>
    <definedName name="その他経費左記以外税額_18">#REF!</definedName>
    <definedName name="その他経費左記以外税額_19">#REF!</definedName>
    <definedName name="その他経費左記以外税額_2">#REF!</definedName>
    <definedName name="その他経費左記以外税額_20">#REF!</definedName>
    <definedName name="その他経費左記以外税額_21">#REF!</definedName>
    <definedName name="その他経費左記以外税額_3">#REF!</definedName>
    <definedName name="その他経費左記以外税額_4">#REF!</definedName>
    <definedName name="その他経費左記以外税額_5">#REF!</definedName>
    <definedName name="その他経費左記以外税額_6">#REF!</definedName>
    <definedName name="その他経費左記以外税額_7">#REF!</definedName>
    <definedName name="その他経費左記以外税額_8">#REF!</definedName>
    <definedName name="その他経費左記以外税額_9">#REF!</definedName>
    <definedName name="その他経費名称_1">#REF!</definedName>
    <definedName name="その他経費名称_10">#REF!</definedName>
    <definedName name="その他経費名称_11">#REF!</definedName>
    <definedName name="その他経費名称_12">#REF!</definedName>
    <definedName name="その他経費名称_13">#REF!</definedName>
    <definedName name="その他経費名称_14">#REF!</definedName>
    <definedName name="その他経費名称_15">#REF!</definedName>
    <definedName name="その他経費名称_16">#REF!</definedName>
    <definedName name="その他経費名称_17">#REF!</definedName>
    <definedName name="その他経費名称_18">#REF!</definedName>
    <definedName name="その他経費名称_19">#REF!</definedName>
    <definedName name="その他経費名称_2">#REF!</definedName>
    <definedName name="その他経費名称_20">#REF!</definedName>
    <definedName name="その他経費名称_21">#REF!</definedName>
    <definedName name="その他経費名称_3">#REF!</definedName>
    <definedName name="その他経費名称_4">#REF!</definedName>
    <definedName name="その他経費名称_5">#REF!</definedName>
    <definedName name="その他経費名称_6">#REF!</definedName>
    <definedName name="その他経費名称_7">#REF!</definedName>
    <definedName name="その他経費名称_8">#REF!</definedName>
    <definedName name="その他経費名称_9">#REF!</definedName>
    <definedName name="ヘッダ出力金額">#REF!</definedName>
    <definedName name="ヘッダ単位">#REF!</definedName>
    <definedName name="ヘッダ年度">#REF!</definedName>
    <definedName name="勘定名称_1">#REF!</definedName>
    <definedName name="勘定名称_10">#REF!</definedName>
    <definedName name="勘定名称_11">#REF!</definedName>
    <definedName name="勘定名称_12">#REF!</definedName>
    <definedName name="勘定名称_13">#REF!</definedName>
    <definedName name="勘定名称_14">#REF!</definedName>
    <definedName name="勘定名称_15">#REF!</definedName>
    <definedName name="勘定名称_16">#REF!</definedName>
    <definedName name="勘定名称_17">#REF!</definedName>
    <definedName name="勘定名称_18">#REF!</definedName>
    <definedName name="勘定名称_19">#REF!</definedName>
    <definedName name="勘定名称_2">#REF!</definedName>
    <definedName name="勘定名称_20">#REF!</definedName>
    <definedName name="勘定名称_3">#REF!</definedName>
    <definedName name="勘定名称_4">#REF!</definedName>
    <definedName name="勘定名称_5">#REF!</definedName>
    <definedName name="勘定名称_6">#REF!</definedName>
    <definedName name="勘定名称_7">#REF!</definedName>
    <definedName name="勘定名称_8">#REF!</definedName>
    <definedName name="勘定名称_9">#REF!</definedName>
    <definedName name="決見">#REF!</definedName>
    <definedName name="見出し営業費用目名称０１">#REF!</definedName>
    <definedName name="見出し営業費用目名称０２">#REF!</definedName>
    <definedName name="見出し営業費用目名称０３">#REF!</definedName>
    <definedName name="見出し営業費用目名称０４">#REF!</definedName>
    <definedName name="見出し営業費用目名称０５">#REF!</definedName>
    <definedName name="見出し営業費用目名称０６">#REF!</definedName>
    <definedName name="見出し営業費用目名称０７">#REF!</definedName>
    <definedName name="見出し営業費用目名称０８">#REF!</definedName>
    <definedName name="見出し営業費用目名称０９">#REF!</definedName>
    <definedName name="見出し営業費用目名称１０">#REF!</definedName>
    <definedName name="見出し出力金額">#REF!</definedName>
    <definedName name="現頁">#REF!</definedName>
    <definedName name="作成時間">#REF!</definedName>
    <definedName name="作成日付">#REF!</definedName>
    <definedName name="資本丸め">#REF!</definedName>
    <definedName name="資本縦表">#REF!</definedName>
    <definedName name="資本費営業外費用金額_1">#REF!</definedName>
    <definedName name="資本費営業外費用金額_10">#REF!</definedName>
    <definedName name="資本費営業外費用金額_11">#REF!</definedName>
    <definedName name="資本費営業外費用金額_12">#REF!</definedName>
    <definedName name="資本費営業外費用金額_13">#REF!</definedName>
    <definedName name="資本費営業外費用金額_14">#REF!</definedName>
    <definedName name="資本費営業外費用金額_15">#REF!</definedName>
    <definedName name="資本費営業外費用金額_16">#REF!</definedName>
    <definedName name="資本費営業外費用金額_17">#REF!</definedName>
    <definedName name="資本費営業外費用金額_2">#REF!</definedName>
    <definedName name="資本費営業外費用金額_3">#REF!</definedName>
    <definedName name="資本費営業外費用金額_4">#REF!</definedName>
    <definedName name="資本費営業外費用金額_5">#REF!</definedName>
    <definedName name="資本費営業外費用金額_6">#REF!</definedName>
    <definedName name="資本費営業外費用金額_7">#REF!</definedName>
    <definedName name="資本費営業外費用金額_8">#REF!</definedName>
    <definedName name="資本費営業外費用金額_9">#REF!</definedName>
    <definedName name="資本費営業外費用税額_1">#REF!</definedName>
    <definedName name="資本費営業外費用税額_10">#REF!</definedName>
    <definedName name="資本費営業外費用税額_11">#REF!</definedName>
    <definedName name="資本費営業外費用税額_12">#REF!</definedName>
    <definedName name="資本費営業外費用税額_13">#REF!</definedName>
    <definedName name="資本費営業外費用税額_14">#REF!</definedName>
    <definedName name="資本費営業外費用税額_15">#REF!</definedName>
    <definedName name="資本費営業外費用税額_16">#REF!</definedName>
    <definedName name="資本費営業外費用税額_17">#REF!</definedName>
    <definedName name="資本費営業外費用税額_2">#REF!</definedName>
    <definedName name="資本費営業外費用税額_3">#REF!</definedName>
    <definedName name="資本費営業外費用税額_4">#REF!</definedName>
    <definedName name="資本費営業外費用税額_5">#REF!</definedName>
    <definedName name="資本費営業外費用税額_6">#REF!</definedName>
    <definedName name="資本費営業外費用税額_7">#REF!</definedName>
    <definedName name="資本費営業外費用税額_8">#REF!</definedName>
    <definedName name="資本費営業外費用税額_9">#REF!</definedName>
    <definedName name="資本費左記以外金額_1">#REF!</definedName>
    <definedName name="資本費左記以外金額_10">#REF!</definedName>
    <definedName name="資本費左記以外金額_11">#REF!</definedName>
    <definedName name="資本費左記以外金額_12">#REF!</definedName>
    <definedName name="資本費左記以外金額_13">#REF!</definedName>
    <definedName name="資本費左記以外金額_14">#REF!</definedName>
    <definedName name="資本費左記以外金額_15">#REF!</definedName>
    <definedName name="資本費左記以外金額_16">#REF!</definedName>
    <definedName name="資本費左記以外金額_17">#REF!</definedName>
    <definedName name="資本費左記以外金額_2">#REF!</definedName>
    <definedName name="資本費左記以外金額_3">#REF!</definedName>
    <definedName name="資本費左記以外金額_4">#REF!</definedName>
    <definedName name="資本費左記以外金額_5">#REF!</definedName>
    <definedName name="資本費左記以外金額_6">#REF!</definedName>
    <definedName name="資本費左記以外金額_7">#REF!</definedName>
    <definedName name="資本費左記以外金額_8">#REF!</definedName>
    <definedName name="資本費左記以外金額_9">#REF!</definedName>
    <definedName name="資本費左記以外税額_1">#REF!</definedName>
    <definedName name="資本費左記以外税額_10">#REF!</definedName>
    <definedName name="資本費左記以外税額_11">#REF!</definedName>
    <definedName name="資本費左記以外税額_12">#REF!</definedName>
    <definedName name="資本費左記以外税額_13">#REF!</definedName>
    <definedName name="資本費左記以外税額_14">#REF!</definedName>
    <definedName name="資本費左記以外税額_15">#REF!</definedName>
    <definedName name="資本費左記以外税額_16">#REF!</definedName>
    <definedName name="資本費左記以外税額_17">#REF!</definedName>
    <definedName name="資本費左記以外税額_2">#REF!</definedName>
    <definedName name="資本費左記以外税額_3">#REF!</definedName>
    <definedName name="資本費左記以外税額_4">#REF!</definedName>
    <definedName name="資本費左記以外税額_5">#REF!</definedName>
    <definedName name="資本費左記以外税額_6">#REF!</definedName>
    <definedName name="資本費左記以外税額_7">#REF!</definedName>
    <definedName name="資本費左記以外税額_8">#REF!</definedName>
    <definedName name="資本費左記以外税額_9">#REF!</definedName>
    <definedName name="資本費名称_1">#REF!</definedName>
    <definedName name="資本費名称_10">#REF!</definedName>
    <definedName name="資本費名称_11">#REF!</definedName>
    <definedName name="資本費名称_12">#REF!</definedName>
    <definedName name="資本費名称_13">#REF!</definedName>
    <definedName name="資本費名称_14">#REF!</definedName>
    <definedName name="資本費名称_15">#REF!</definedName>
    <definedName name="資本費名称_16">#REF!</definedName>
    <definedName name="資本費名称_17">#REF!</definedName>
    <definedName name="資本費名称_2">#REF!</definedName>
    <definedName name="資本費名称_3">#REF!</definedName>
    <definedName name="資本費名称_4">#REF!</definedName>
    <definedName name="資本費名称_5">#REF!</definedName>
    <definedName name="資本費名称_6">#REF!</definedName>
    <definedName name="資本費名称_7">#REF!</definedName>
    <definedName name="資本費名称_8">#REF!</definedName>
    <definedName name="資本費名称_9">#REF!</definedName>
    <definedName name="事業名称">#REF!</definedName>
    <definedName name="借方残高_1">#REF!</definedName>
    <definedName name="借方残高_10">#REF!</definedName>
    <definedName name="借方残高_11">#REF!</definedName>
    <definedName name="借方残高_12">#REF!</definedName>
    <definedName name="借方残高_13">#REF!</definedName>
    <definedName name="借方残高_14">#REF!</definedName>
    <definedName name="借方残高_15">#REF!</definedName>
    <definedName name="借方残高_16">#REF!</definedName>
    <definedName name="借方残高_17">#REF!</definedName>
    <definedName name="借方残高_18">#REF!</definedName>
    <definedName name="借方残高_19">#REF!</definedName>
    <definedName name="借方残高_2">#REF!</definedName>
    <definedName name="借方残高_20">#REF!</definedName>
    <definedName name="借方残高_3">#REF!</definedName>
    <definedName name="借方残高_4">#REF!</definedName>
    <definedName name="借方残高_5">#REF!</definedName>
    <definedName name="借方残高_6">#REF!</definedName>
    <definedName name="借方残高_7">#REF!</definedName>
    <definedName name="借方残高_8">#REF!</definedName>
    <definedName name="借方残高_9">#REF!</definedName>
    <definedName name="借方当月_1">#REF!</definedName>
    <definedName name="借方当月_10">#REF!</definedName>
    <definedName name="借方当月_11">#REF!</definedName>
    <definedName name="借方当月_12">#REF!</definedName>
    <definedName name="借方当月_13">#REF!</definedName>
    <definedName name="借方当月_14">#REF!</definedName>
    <definedName name="借方当月_15">#REF!</definedName>
    <definedName name="借方当月_16">#REF!</definedName>
    <definedName name="借方当月_17">#REF!</definedName>
    <definedName name="借方当月_18">#REF!</definedName>
    <definedName name="借方当月_19">#REF!</definedName>
    <definedName name="借方当月_2">#REF!</definedName>
    <definedName name="借方当月_20">#REF!</definedName>
    <definedName name="借方当月_3">#REF!</definedName>
    <definedName name="借方当月_4">#REF!</definedName>
    <definedName name="借方当月_5">#REF!</definedName>
    <definedName name="借方当月_6">#REF!</definedName>
    <definedName name="借方当月_7">#REF!</definedName>
    <definedName name="借方当月_8">#REF!</definedName>
    <definedName name="借方当月_9">#REF!</definedName>
    <definedName name="借方累計_1">#REF!</definedName>
    <definedName name="借方累計_10">#REF!</definedName>
    <definedName name="借方累計_11">#REF!</definedName>
    <definedName name="借方累計_12">#REF!</definedName>
    <definedName name="借方累計_13">#REF!</definedName>
    <definedName name="借方累計_14">#REF!</definedName>
    <definedName name="借方累計_15">#REF!</definedName>
    <definedName name="借方累計_16">#REF!</definedName>
    <definedName name="借方累計_17">#REF!</definedName>
    <definedName name="借方累計_18">#REF!</definedName>
    <definedName name="借方累計_19">#REF!</definedName>
    <definedName name="借方累計_2">#REF!</definedName>
    <definedName name="借方累計_20">#REF!</definedName>
    <definedName name="借方累計_3">#REF!</definedName>
    <definedName name="借方累計_4">#REF!</definedName>
    <definedName name="借方累計_5">#REF!</definedName>
    <definedName name="借方累計_6">#REF!</definedName>
    <definedName name="借方累計_7">#REF!</definedName>
    <definedName name="借方累計_8">#REF!</definedName>
    <definedName name="借方累計_9">#REF!</definedName>
    <definedName name="収益丸め">#REF!</definedName>
    <definedName name="収益縦表">#REF!</definedName>
    <definedName name="所属名称">#REF!</definedName>
    <definedName name="人件費計０１金額">#REF!</definedName>
    <definedName name="人件費計０１税額">#REF!</definedName>
    <definedName name="人件費計０２金額">#REF!</definedName>
    <definedName name="人件費計０２税額">#REF!</definedName>
    <definedName name="人件費計０３金額">#REF!</definedName>
    <definedName name="人件費計０３税額">#REF!</definedName>
    <definedName name="人件費計０４金額">#REF!</definedName>
    <definedName name="人件費計０４税額">#REF!</definedName>
    <definedName name="人件費計０５金額">#REF!</definedName>
    <definedName name="人件費計０５税額">#REF!</definedName>
    <definedName name="人件費計０６金額">#REF!</definedName>
    <definedName name="人件費計０６税額">#REF!</definedName>
    <definedName name="人件費計０７金額">#REF!</definedName>
    <definedName name="人件費計０７税額">#REF!</definedName>
    <definedName name="人件費計０８金額">#REF!</definedName>
    <definedName name="人件費計０８税額">#REF!</definedName>
    <definedName name="人件費計０９金額">#REF!</definedName>
    <definedName name="人件費計０９税額">#REF!</definedName>
    <definedName name="人件費計１０金額">#REF!</definedName>
    <definedName name="人件費計１０税額">#REF!</definedName>
    <definedName name="人件費計左記以外金額">#REF!</definedName>
    <definedName name="人件費計左記以外税額">#REF!</definedName>
    <definedName name="全体">#REF!</definedName>
    <definedName name="対象年月">#REF!</definedName>
    <definedName name="貸方残高_1">#REF!</definedName>
    <definedName name="貸方残高_10">#REF!</definedName>
    <definedName name="貸方残高_11">#REF!</definedName>
    <definedName name="貸方残高_12">#REF!</definedName>
    <definedName name="貸方残高_13">#REF!</definedName>
    <definedName name="貸方残高_14">#REF!</definedName>
    <definedName name="貸方残高_15">#REF!</definedName>
    <definedName name="貸方残高_16">#REF!</definedName>
    <definedName name="貸方残高_17">#REF!</definedName>
    <definedName name="貸方残高_18">#REF!</definedName>
    <definedName name="貸方残高_19">#REF!</definedName>
    <definedName name="貸方残高_2">#REF!</definedName>
    <definedName name="貸方残高_20">#REF!</definedName>
    <definedName name="貸方残高_3">#REF!</definedName>
    <definedName name="貸方残高_4">#REF!</definedName>
    <definedName name="貸方残高_5">#REF!</definedName>
    <definedName name="貸方残高_6">#REF!</definedName>
    <definedName name="貸方残高_7">#REF!</definedName>
    <definedName name="貸方残高_8">#REF!</definedName>
    <definedName name="貸方残高_9">#REF!</definedName>
    <definedName name="貸方当月_1">#REF!</definedName>
    <definedName name="貸方当月_10">#REF!</definedName>
    <definedName name="貸方当月_11">#REF!</definedName>
    <definedName name="貸方当月_12">#REF!</definedName>
    <definedName name="貸方当月_13">#REF!</definedName>
    <definedName name="貸方当月_14">#REF!</definedName>
    <definedName name="貸方当月_15">#REF!</definedName>
    <definedName name="貸方当月_16">#REF!</definedName>
    <definedName name="貸方当月_17">#REF!</definedName>
    <definedName name="貸方当月_18">#REF!</definedName>
    <definedName name="貸方当月_19">#REF!</definedName>
    <definedName name="貸方当月_2">#REF!</definedName>
    <definedName name="貸方当月_20">#REF!</definedName>
    <definedName name="貸方当月_3">#REF!</definedName>
    <definedName name="貸方当月_4">#REF!</definedName>
    <definedName name="貸方当月_5">#REF!</definedName>
    <definedName name="貸方当月_6">#REF!</definedName>
    <definedName name="貸方当月_7">#REF!</definedName>
    <definedName name="貸方当月_8">#REF!</definedName>
    <definedName name="貸方当月_9">#REF!</definedName>
    <definedName name="貸方累計_1">#REF!</definedName>
    <definedName name="貸方累計_10">#REF!</definedName>
    <definedName name="貸方累計_11">#REF!</definedName>
    <definedName name="貸方累計_12">#REF!</definedName>
    <definedName name="貸方累計_13">#REF!</definedName>
    <definedName name="貸方累計_14">#REF!</definedName>
    <definedName name="貸方累計_15">#REF!</definedName>
    <definedName name="貸方累計_16">#REF!</definedName>
    <definedName name="貸方累計_17">#REF!</definedName>
    <definedName name="貸方累計_18">#REF!</definedName>
    <definedName name="貸方累計_19">#REF!</definedName>
    <definedName name="貸方累計_2">#REF!</definedName>
    <definedName name="貸方累計_20">#REF!</definedName>
    <definedName name="貸方累計_3">#REF!</definedName>
    <definedName name="貸方累計_4">#REF!</definedName>
    <definedName name="貸方累計_5">#REF!</definedName>
    <definedName name="貸方累計_6">#REF!</definedName>
    <definedName name="貸方累計_7">#REF!</definedName>
    <definedName name="貸方累計_8">#REF!</definedName>
    <definedName name="貸方累計_9">#REF!</definedName>
    <definedName name="退職厚生">#REF!</definedName>
    <definedName name="特別損失金額">#REF!</definedName>
    <definedName name="特別損失税額">#REF!</definedName>
    <definedName name="年度">#REF!</definedName>
    <definedName name="燃料">#REF!</definedName>
    <definedName name="被服">#REF!</definedName>
    <definedName name="物件費０１金額_1">#REF!</definedName>
    <definedName name="物件費０１金額_10">#REF!</definedName>
    <definedName name="物件費０１金額_11">#REF!</definedName>
    <definedName name="物件費０１金額_12">#REF!</definedName>
    <definedName name="物件費０１金額_13">#REF!</definedName>
    <definedName name="物件費０１金額_14">#REF!</definedName>
    <definedName name="物件費０１金額_15">#REF!</definedName>
    <definedName name="物件費０１金額_16">#REF!</definedName>
    <definedName name="物件費０１金額_17">#REF!</definedName>
    <definedName name="物件費０１金額_18">#REF!</definedName>
    <definedName name="物件費０１金額_19">#REF!</definedName>
    <definedName name="物件費０１金額_2">#REF!</definedName>
    <definedName name="物件費０１金額_20">#REF!</definedName>
    <definedName name="物件費０１金額_21">#REF!</definedName>
    <definedName name="物件費０１金額_22">#REF!</definedName>
    <definedName name="物件費０１金額_23">#REF!</definedName>
    <definedName name="物件費０１金額_24">#REF!</definedName>
    <definedName name="物件費０１金額_25">#REF!</definedName>
    <definedName name="物件費０１金額_26">#REF!</definedName>
    <definedName name="物件費０１金額_27">#REF!</definedName>
    <definedName name="物件費０１金額_28">#REF!</definedName>
    <definedName name="物件費０１金額_29">#REF!</definedName>
    <definedName name="物件費０１金額_3">#REF!</definedName>
    <definedName name="物件費０１金額_30">#REF!</definedName>
    <definedName name="物件費０１金額_31">#REF!</definedName>
    <definedName name="物件費０１金額_32">#REF!</definedName>
    <definedName name="物件費０１金額_33">#REF!</definedName>
    <definedName name="物件費０１金額_34">#REF!</definedName>
    <definedName name="物件費０１金額_35">#REF!</definedName>
    <definedName name="物件費０１金額_36">#REF!</definedName>
    <definedName name="物件費０１金額_37">#REF!</definedName>
    <definedName name="物件費０１金額_38">#REF!</definedName>
    <definedName name="物件費０１金額_39">#REF!</definedName>
    <definedName name="物件費０１金額_4">#REF!</definedName>
    <definedName name="物件費０１金額_40">#REF!</definedName>
    <definedName name="物件費０１金額_41">#REF!</definedName>
    <definedName name="物件費０１金額_42">#REF!</definedName>
    <definedName name="物件費０１金額_43">#REF!</definedName>
    <definedName name="物件費０１金額_44">#REF!</definedName>
    <definedName name="物件費０１金額_45">#REF!</definedName>
    <definedName name="物件費０１金額_46">#REF!</definedName>
    <definedName name="物件費０１金額_5">#REF!</definedName>
    <definedName name="物件費０１金額_6">#REF!</definedName>
    <definedName name="物件費０１金額_7">#REF!</definedName>
    <definedName name="物件費０１金額_8">#REF!</definedName>
    <definedName name="物件費０１金額_9">#REF!</definedName>
    <definedName name="物件費０１税額_1">#REF!</definedName>
    <definedName name="物件費０１税額_10">#REF!</definedName>
    <definedName name="物件費０１税額_11">#REF!</definedName>
    <definedName name="物件費０１税額_12">#REF!</definedName>
    <definedName name="物件費０１税額_13">#REF!</definedName>
    <definedName name="物件費０１税額_14">#REF!</definedName>
    <definedName name="物件費０１税額_15">#REF!</definedName>
    <definedName name="物件費０１税額_16">#REF!</definedName>
    <definedName name="物件費０１税額_17">#REF!</definedName>
    <definedName name="物件費０１税額_18">#REF!</definedName>
    <definedName name="物件費０１税額_19">#REF!</definedName>
    <definedName name="物件費０１税額_2">#REF!</definedName>
    <definedName name="物件費０１税額_20">#REF!</definedName>
    <definedName name="物件費０１税額_21">#REF!</definedName>
    <definedName name="物件費０１税額_22">#REF!</definedName>
    <definedName name="物件費０１税額_23">#REF!</definedName>
    <definedName name="物件費０１税額_24">#REF!</definedName>
    <definedName name="物件費０１税額_25">#REF!</definedName>
    <definedName name="物件費０１税額_26">#REF!</definedName>
    <definedName name="物件費０１税額_27">#REF!</definedName>
    <definedName name="物件費０１税額_28">#REF!</definedName>
    <definedName name="物件費０１税額_29">#REF!</definedName>
    <definedName name="物件費０１税額_3">#REF!</definedName>
    <definedName name="物件費０１税額_30">#REF!</definedName>
    <definedName name="物件費０１税額_31">#REF!</definedName>
    <definedName name="物件費０１税額_32">#REF!</definedName>
    <definedName name="物件費０１税額_33">#REF!</definedName>
    <definedName name="物件費０１税額_34">#REF!</definedName>
    <definedName name="物件費０１税額_35">#REF!</definedName>
    <definedName name="物件費０１税額_36">#REF!</definedName>
    <definedName name="物件費０１税額_37">#REF!</definedName>
    <definedName name="物件費０１税額_38">#REF!</definedName>
    <definedName name="物件費０１税額_39">#REF!</definedName>
    <definedName name="物件費０１税額_4">#REF!</definedName>
    <definedName name="物件費０１税額_40">#REF!</definedName>
    <definedName name="物件費０１税額_41">#REF!</definedName>
    <definedName name="物件費０１税額_42">#REF!</definedName>
    <definedName name="物件費０１税額_43">#REF!</definedName>
    <definedName name="物件費０１税額_44">#REF!</definedName>
    <definedName name="物件費０１税額_45">#REF!</definedName>
    <definedName name="物件費０１税額_46">#REF!</definedName>
    <definedName name="物件費０１税額_5">#REF!</definedName>
    <definedName name="物件費０１税額_6">#REF!</definedName>
    <definedName name="物件費０１税額_7">#REF!</definedName>
    <definedName name="物件費０１税額_8">#REF!</definedName>
    <definedName name="物件費０１税額_9">#REF!</definedName>
    <definedName name="物件費０２金額_1">#REF!</definedName>
    <definedName name="物件費０２金額_10">#REF!</definedName>
    <definedName name="物件費０２金額_11">#REF!</definedName>
    <definedName name="物件費０２金額_12">#REF!</definedName>
    <definedName name="物件費０２金額_13">#REF!</definedName>
    <definedName name="物件費０２金額_14">#REF!</definedName>
    <definedName name="物件費０２金額_15">#REF!</definedName>
    <definedName name="物件費０２金額_16">#REF!</definedName>
    <definedName name="物件費０２金額_17">#REF!</definedName>
    <definedName name="物件費０２金額_18">#REF!</definedName>
    <definedName name="物件費０２金額_19">#REF!</definedName>
    <definedName name="物件費０２金額_2">#REF!</definedName>
    <definedName name="物件費０２金額_20">#REF!</definedName>
    <definedName name="物件費０２金額_21">#REF!</definedName>
    <definedName name="物件費０２金額_22">#REF!</definedName>
    <definedName name="物件費０２金額_23">#REF!</definedName>
    <definedName name="物件費０２金額_24">#REF!</definedName>
    <definedName name="物件費０２金額_25">#REF!</definedName>
    <definedName name="物件費０２金額_26">#REF!</definedName>
    <definedName name="物件費０２金額_27">#REF!</definedName>
    <definedName name="物件費０２金額_28">#REF!</definedName>
    <definedName name="物件費０２金額_29">#REF!</definedName>
    <definedName name="物件費０２金額_3">#REF!</definedName>
    <definedName name="物件費０２金額_30">#REF!</definedName>
    <definedName name="物件費０２金額_31">#REF!</definedName>
    <definedName name="物件費０２金額_32">#REF!</definedName>
    <definedName name="物件費０２金額_33">#REF!</definedName>
    <definedName name="物件費０２金額_34">#REF!</definedName>
    <definedName name="物件費０２金額_35">#REF!</definedName>
    <definedName name="物件費０２金額_36">#REF!</definedName>
    <definedName name="物件費０２金額_37">#REF!</definedName>
    <definedName name="物件費０２金額_38">#REF!</definedName>
    <definedName name="物件費０２金額_39">#REF!</definedName>
    <definedName name="物件費０２金額_4">#REF!</definedName>
    <definedName name="物件費０２金額_40">#REF!</definedName>
    <definedName name="物件費０２金額_41">#REF!</definedName>
    <definedName name="物件費０２金額_42">#REF!</definedName>
    <definedName name="物件費０２金額_43">#REF!</definedName>
    <definedName name="物件費０２金額_44">#REF!</definedName>
    <definedName name="物件費０２金額_45">#REF!</definedName>
    <definedName name="物件費０２金額_46">#REF!</definedName>
    <definedName name="物件費０２金額_5">#REF!</definedName>
    <definedName name="物件費０２金額_6">#REF!</definedName>
    <definedName name="物件費０２金額_7">#REF!</definedName>
    <definedName name="物件費０２金額_8">#REF!</definedName>
    <definedName name="物件費０２金額_9">#REF!</definedName>
    <definedName name="物件費０２税額_1">#REF!</definedName>
    <definedName name="物件費０２税額_10">#REF!</definedName>
    <definedName name="物件費０２税額_11">#REF!</definedName>
    <definedName name="物件費０２税額_12">#REF!</definedName>
    <definedName name="物件費０２税額_13">#REF!</definedName>
    <definedName name="物件費０２税額_14">#REF!</definedName>
    <definedName name="物件費０２税額_15">#REF!</definedName>
    <definedName name="物件費０２税額_16">#REF!</definedName>
    <definedName name="物件費０２税額_17">#REF!</definedName>
    <definedName name="物件費０２税額_18">#REF!</definedName>
    <definedName name="物件費０２税額_19">#REF!</definedName>
    <definedName name="物件費０２税額_2">#REF!</definedName>
    <definedName name="物件費０２税額_20">#REF!</definedName>
    <definedName name="物件費０２税額_21">#REF!</definedName>
    <definedName name="物件費０２税額_22">#REF!</definedName>
    <definedName name="物件費０２税額_23">#REF!</definedName>
    <definedName name="物件費０２税額_24">#REF!</definedName>
    <definedName name="物件費０２税額_25">#REF!</definedName>
    <definedName name="物件費０２税額_26">#REF!</definedName>
    <definedName name="物件費０２税額_27">#REF!</definedName>
    <definedName name="物件費０２税額_28">#REF!</definedName>
    <definedName name="物件費０２税額_29">#REF!</definedName>
    <definedName name="物件費０２税額_3">#REF!</definedName>
    <definedName name="物件費０２税額_30">#REF!</definedName>
    <definedName name="物件費０２税額_31">#REF!</definedName>
    <definedName name="物件費０２税額_32">#REF!</definedName>
    <definedName name="物件費０２税額_33">#REF!</definedName>
    <definedName name="物件費０２税額_34">#REF!</definedName>
    <definedName name="物件費０２税額_35">#REF!</definedName>
    <definedName name="物件費０２税額_36">#REF!</definedName>
    <definedName name="物件費０２税額_37">#REF!</definedName>
    <definedName name="物件費０２税額_38">#REF!</definedName>
    <definedName name="物件費０２税額_39">#REF!</definedName>
    <definedName name="物件費０２税額_4">#REF!</definedName>
    <definedName name="物件費０２税額_40">#REF!</definedName>
    <definedName name="物件費０２税額_41">#REF!</definedName>
    <definedName name="物件費０２税額_42">#REF!</definedName>
    <definedName name="物件費０２税額_43">#REF!</definedName>
    <definedName name="物件費０２税額_44">#REF!</definedName>
    <definedName name="物件費０２税額_45">#REF!</definedName>
    <definedName name="物件費０２税額_46">#REF!</definedName>
    <definedName name="物件費０２税額_5">#REF!</definedName>
    <definedName name="物件費０２税額_6">#REF!</definedName>
    <definedName name="物件費０２税額_7">#REF!</definedName>
    <definedName name="物件費０２税額_8">#REF!</definedName>
    <definedName name="物件費０２税額_9">#REF!</definedName>
    <definedName name="物件費０３金額_1">#REF!</definedName>
    <definedName name="物件費０３金額_10">#REF!</definedName>
    <definedName name="物件費０３金額_11">#REF!</definedName>
    <definedName name="物件費０３金額_12">#REF!</definedName>
    <definedName name="物件費０３金額_13">#REF!</definedName>
    <definedName name="物件費０３金額_14">#REF!</definedName>
    <definedName name="物件費０３金額_15">#REF!</definedName>
    <definedName name="物件費０３金額_16">#REF!</definedName>
    <definedName name="物件費０３金額_17">#REF!</definedName>
    <definedName name="物件費０３金額_18">#REF!</definedName>
    <definedName name="物件費０３金額_19">#REF!</definedName>
    <definedName name="物件費０３金額_2">#REF!</definedName>
    <definedName name="物件費０３金額_20">#REF!</definedName>
    <definedName name="物件費０３金額_21">#REF!</definedName>
    <definedName name="物件費０３金額_22">#REF!</definedName>
    <definedName name="物件費０３金額_23">#REF!</definedName>
    <definedName name="物件費０３金額_24">#REF!</definedName>
    <definedName name="物件費０３金額_25">#REF!</definedName>
    <definedName name="物件費０３金額_26">#REF!</definedName>
    <definedName name="物件費０３金額_27">#REF!</definedName>
    <definedName name="物件費０３金額_28">#REF!</definedName>
    <definedName name="物件費０３金額_29">#REF!</definedName>
    <definedName name="物件費０３金額_3">#REF!</definedName>
    <definedName name="物件費０３金額_30">#REF!</definedName>
    <definedName name="物件費０３金額_31">#REF!</definedName>
    <definedName name="物件費０３金額_32">#REF!</definedName>
    <definedName name="物件費０３金額_33">#REF!</definedName>
    <definedName name="物件費０３金額_34">#REF!</definedName>
    <definedName name="物件費０３金額_35">#REF!</definedName>
    <definedName name="物件費０３金額_36">#REF!</definedName>
    <definedName name="物件費０３金額_37">#REF!</definedName>
    <definedName name="物件費０３金額_38">#REF!</definedName>
    <definedName name="物件費０３金額_39">#REF!</definedName>
    <definedName name="物件費０３金額_4">#REF!</definedName>
    <definedName name="物件費０３金額_40">#REF!</definedName>
    <definedName name="物件費０３金額_41">#REF!</definedName>
    <definedName name="物件費０３金額_42">#REF!</definedName>
    <definedName name="物件費０３金額_43">#REF!</definedName>
    <definedName name="物件費０３金額_44">#REF!</definedName>
    <definedName name="物件費０３金額_45">#REF!</definedName>
    <definedName name="物件費０３金額_46">#REF!</definedName>
    <definedName name="物件費０３金額_5">#REF!</definedName>
    <definedName name="物件費０３金額_6">#REF!</definedName>
    <definedName name="物件費０３金額_7">#REF!</definedName>
    <definedName name="物件費０３金額_8">#REF!</definedName>
    <definedName name="物件費０３金額_9">#REF!</definedName>
    <definedName name="物件費０３税額_1">#REF!</definedName>
    <definedName name="物件費０３税額_10">#REF!</definedName>
    <definedName name="物件費０３税額_11">#REF!</definedName>
    <definedName name="物件費０３税額_12">#REF!</definedName>
    <definedName name="物件費０３税額_13">#REF!</definedName>
    <definedName name="物件費０３税額_14">#REF!</definedName>
    <definedName name="物件費０３税額_15">#REF!</definedName>
    <definedName name="物件費０３税額_16">#REF!</definedName>
    <definedName name="物件費０３税額_17">#REF!</definedName>
    <definedName name="物件費０３税額_18">#REF!</definedName>
    <definedName name="物件費０３税額_19">#REF!</definedName>
    <definedName name="物件費０３税額_2">#REF!</definedName>
    <definedName name="物件費０３税額_20">#REF!</definedName>
    <definedName name="物件費０３税額_21">#REF!</definedName>
    <definedName name="物件費０３税額_22">#REF!</definedName>
    <definedName name="物件費０３税額_23">#REF!</definedName>
    <definedName name="物件費０３税額_24">#REF!</definedName>
    <definedName name="物件費０３税額_25">#REF!</definedName>
    <definedName name="物件費０３税額_26">#REF!</definedName>
    <definedName name="物件費０３税額_27">#REF!</definedName>
    <definedName name="物件費０３税額_28">#REF!</definedName>
    <definedName name="物件費０３税額_29">#REF!</definedName>
    <definedName name="物件費０３税額_3">#REF!</definedName>
    <definedName name="物件費０３税額_30">#REF!</definedName>
    <definedName name="物件費０３税額_31">#REF!</definedName>
    <definedName name="物件費０３税額_32">#REF!</definedName>
    <definedName name="物件費０３税額_33">#REF!</definedName>
    <definedName name="物件費０３税額_34">#REF!</definedName>
    <definedName name="物件費０３税額_35">#REF!</definedName>
    <definedName name="物件費０３税額_36">#REF!</definedName>
    <definedName name="物件費０３税額_37">#REF!</definedName>
    <definedName name="物件費０３税額_38">#REF!</definedName>
    <definedName name="物件費０３税額_39">#REF!</definedName>
    <definedName name="物件費０３税額_4">#REF!</definedName>
    <definedName name="物件費０３税額_40">#REF!</definedName>
    <definedName name="物件費０３税額_41">#REF!</definedName>
    <definedName name="物件費０３税額_42">#REF!</definedName>
    <definedName name="物件費０３税額_43">#REF!</definedName>
    <definedName name="物件費０３税額_44">#REF!</definedName>
    <definedName name="物件費０３税額_45">#REF!</definedName>
    <definedName name="物件費０３税額_46">#REF!</definedName>
    <definedName name="物件費０３税額_5">#REF!</definedName>
    <definedName name="物件費０３税額_6">#REF!</definedName>
    <definedName name="物件費０３税額_7">#REF!</definedName>
    <definedName name="物件費０３税額_8">#REF!</definedName>
    <definedName name="物件費０３税額_9">#REF!</definedName>
    <definedName name="物件費０４金額_1">#REF!</definedName>
    <definedName name="物件費０４金額_10">#REF!</definedName>
    <definedName name="物件費０４金額_11">#REF!</definedName>
    <definedName name="物件費０４金額_12">#REF!</definedName>
    <definedName name="物件費０４金額_13">#REF!</definedName>
    <definedName name="物件費０４金額_14">#REF!</definedName>
    <definedName name="物件費０４金額_15">#REF!</definedName>
    <definedName name="物件費０４金額_16">#REF!</definedName>
    <definedName name="物件費０４金額_17">#REF!</definedName>
    <definedName name="物件費０４金額_18">#REF!</definedName>
    <definedName name="物件費０４金額_19">#REF!</definedName>
    <definedName name="物件費０４金額_2">#REF!</definedName>
    <definedName name="物件費０４金額_20">#REF!</definedName>
    <definedName name="物件費０４金額_21">#REF!</definedName>
    <definedName name="物件費０４金額_22">#REF!</definedName>
    <definedName name="物件費０４金額_23">#REF!</definedName>
    <definedName name="物件費０４金額_24">#REF!</definedName>
    <definedName name="物件費０４金額_25">#REF!</definedName>
    <definedName name="物件費０４金額_26">#REF!</definedName>
    <definedName name="物件費０４金額_27">#REF!</definedName>
    <definedName name="物件費０４金額_28">#REF!</definedName>
    <definedName name="物件費０４金額_29">#REF!</definedName>
    <definedName name="物件費０４金額_3">#REF!</definedName>
    <definedName name="物件費０４金額_30">#REF!</definedName>
    <definedName name="物件費０４金額_31">#REF!</definedName>
    <definedName name="物件費０４金額_32">#REF!</definedName>
    <definedName name="物件費０４金額_33">#REF!</definedName>
    <definedName name="物件費０４金額_34">#REF!</definedName>
    <definedName name="物件費０４金額_35">#REF!</definedName>
    <definedName name="物件費０４金額_36">#REF!</definedName>
    <definedName name="物件費０４金額_37">#REF!</definedName>
    <definedName name="物件費０４金額_38">#REF!</definedName>
    <definedName name="物件費０４金額_39">#REF!</definedName>
    <definedName name="物件費０４金額_4">#REF!</definedName>
    <definedName name="物件費０４金額_40">#REF!</definedName>
    <definedName name="物件費０４金額_41">#REF!</definedName>
    <definedName name="物件費０４金額_42">#REF!</definedName>
    <definedName name="物件費０４金額_43">#REF!</definedName>
    <definedName name="物件費０４金額_44">#REF!</definedName>
    <definedName name="物件費０４金額_45">#REF!</definedName>
    <definedName name="物件費０４金額_46">#REF!</definedName>
    <definedName name="物件費０４金額_5">#REF!</definedName>
    <definedName name="物件費０４金額_6">#REF!</definedName>
    <definedName name="物件費０４金額_7">#REF!</definedName>
    <definedName name="物件費０４金額_8">#REF!</definedName>
    <definedName name="物件費０４金額_9">#REF!</definedName>
    <definedName name="物件費０４税額_1">#REF!</definedName>
    <definedName name="物件費０４税額_10">#REF!</definedName>
    <definedName name="物件費０４税額_11">#REF!</definedName>
    <definedName name="物件費０４税額_12">#REF!</definedName>
    <definedName name="物件費０４税額_13">#REF!</definedName>
    <definedName name="物件費０４税額_14">#REF!</definedName>
    <definedName name="物件費０４税額_15">#REF!</definedName>
    <definedName name="物件費０４税額_16">#REF!</definedName>
    <definedName name="物件費０４税額_17">#REF!</definedName>
    <definedName name="物件費０４税額_18">#REF!</definedName>
    <definedName name="物件費０４税額_19">#REF!</definedName>
    <definedName name="物件費０４税額_2">#REF!</definedName>
    <definedName name="物件費０４税額_20">#REF!</definedName>
    <definedName name="物件費０４税額_21">#REF!</definedName>
    <definedName name="物件費０４税額_22">#REF!</definedName>
    <definedName name="物件費０４税額_23">#REF!</definedName>
    <definedName name="物件費０４税額_24">#REF!</definedName>
    <definedName name="物件費０４税額_25">#REF!</definedName>
    <definedName name="物件費０４税額_26">#REF!</definedName>
    <definedName name="物件費０４税額_27">#REF!</definedName>
    <definedName name="物件費０４税額_28">#REF!</definedName>
    <definedName name="物件費０４税額_29">#REF!</definedName>
    <definedName name="物件費０４税額_3">#REF!</definedName>
    <definedName name="物件費０４税額_30">#REF!</definedName>
    <definedName name="物件費０４税額_31">#REF!</definedName>
    <definedName name="物件費０４税額_32">#REF!</definedName>
    <definedName name="物件費０４税額_33">#REF!</definedName>
    <definedName name="物件費０４税額_34">#REF!</definedName>
    <definedName name="物件費０４税額_35">#REF!</definedName>
    <definedName name="物件費０４税額_36">#REF!</definedName>
    <definedName name="物件費０４税額_37">#REF!</definedName>
    <definedName name="物件費０４税額_38">#REF!</definedName>
    <definedName name="物件費０４税額_39">#REF!</definedName>
    <definedName name="物件費０４税額_4">#REF!</definedName>
    <definedName name="物件費０４税額_40">#REF!</definedName>
    <definedName name="物件費０４税額_41">#REF!</definedName>
    <definedName name="物件費０４税額_42">#REF!</definedName>
    <definedName name="物件費０４税額_43">#REF!</definedName>
    <definedName name="物件費０４税額_44">#REF!</definedName>
    <definedName name="物件費０４税額_45">#REF!</definedName>
    <definedName name="物件費０４税額_46">#REF!</definedName>
    <definedName name="物件費０４税額_5">#REF!</definedName>
    <definedName name="物件費０４税額_6">#REF!</definedName>
    <definedName name="物件費０４税額_7">#REF!</definedName>
    <definedName name="物件費０４税額_8">#REF!</definedName>
    <definedName name="物件費０４税額_9">#REF!</definedName>
    <definedName name="物件費０５金額_1">#REF!</definedName>
    <definedName name="物件費０５金額_10">#REF!</definedName>
    <definedName name="物件費０５金額_11">#REF!</definedName>
    <definedName name="物件費０５金額_12">#REF!</definedName>
    <definedName name="物件費０５金額_13">#REF!</definedName>
    <definedName name="物件費０５金額_14">#REF!</definedName>
    <definedName name="物件費０５金額_15">#REF!</definedName>
    <definedName name="物件費０５金額_16">#REF!</definedName>
    <definedName name="物件費０５金額_17">#REF!</definedName>
    <definedName name="物件費０５金額_18">#REF!</definedName>
    <definedName name="物件費０５金額_19">#REF!</definedName>
    <definedName name="物件費０５金額_2">#REF!</definedName>
    <definedName name="物件費０５金額_20">#REF!</definedName>
    <definedName name="物件費０５金額_21">#REF!</definedName>
    <definedName name="物件費０５金額_22">#REF!</definedName>
    <definedName name="物件費０５金額_23">#REF!</definedName>
    <definedName name="物件費０５金額_24">#REF!</definedName>
    <definedName name="物件費０５金額_25">#REF!</definedName>
    <definedName name="物件費０５金額_26">#REF!</definedName>
    <definedName name="物件費０５金額_27">#REF!</definedName>
    <definedName name="物件費０５金額_28">#REF!</definedName>
    <definedName name="物件費０５金額_29">#REF!</definedName>
    <definedName name="物件費０５金額_3">#REF!</definedName>
    <definedName name="物件費０５金額_30">#REF!</definedName>
    <definedName name="物件費０５金額_31">#REF!</definedName>
    <definedName name="物件費０５金額_32">#REF!</definedName>
    <definedName name="物件費０５金額_33">#REF!</definedName>
    <definedName name="物件費０５金額_34">#REF!</definedName>
    <definedName name="物件費０５金額_35">#REF!</definedName>
    <definedName name="物件費０５金額_36">#REF!</definedName>
    <definedName name="物件費０５金額_37">#REF!</definedName>
    <definedName name="物件費０５金額_38">#REF!</definedName>
    <definedName name="物件費０５金額_39">#REF!</definedName>
    <definedName name="物件費０５金額_4">#REF!</definedName>
    <definedName name="物件費０５金額_40">#REF!</definedName>
    <definedName name="物件費０５金額_41">#REF!</definedName>
    <definedName name="物件費０５金額_42">#REF!</definedName>
    <definedName name="物件費０５金額_43">#REF!</definedName>
    <definedName name="物件費０５金額_44">#REF!</definedName>
    <definedName name="物件費０５金額_45">#REF!</definedName>
    <definedName name="物件費０５金額_46">#REF!</definedName>
    <definedName name="物件費０５金額_5">#REF!</definedName>
    <definedName name="物件費０５金額_6">#REF!</definedName>
    <definedName name="物件費０５金額_7">#REF!</definedName>
    <definedName name="物件費０５金額_8">#REF!</definedName>
    <definedName name="物件費０５金額_9">#REF!</definedName>
    <definedName name="物件費０５税額_1">#REF!</definedName>
    <definedName name="物件費０５税額_10">#REF!</definedName>
    <definedName name="物件費０５税額_11">#REF!</definedName>
    <definedName name="物件費０５税額_12">#REF!</definedName>
    <definedName name="物件費０５税額_13">#REF!</definedName>
    <definedName name="物件費０５税額_14">#REF!</definedName>
    <definedName name="物件費０５税額_15">#REF!</definedName>
    <definedName name="物件費０５税額_16">#REF!</definedName>
    <definedName name="物件費０５税額_17">#REF!</definedName>
    <definedName name="物件費０５税額_18">#REF!</definedName>
    <definedName name="物件費０５税額_19">#REF!</definedName>
    <definedName name="物件費０５税額_2">#REF!</definedName>
    <definedName name="物件費０５税額_20">#REF!</definedName>
    <definedName name="物件費０５税額_21">#REF!</definedName>
    <definedName name="物件費０５税額_22">#REF!</definedName>
    <definedName name="物件費０５税額_23">#REF!</definedName>
    <definedName name="物件費０５税額_24">#REF!</definedName>
    <definedName name="物件費０５税額_25">#REF!</definedName>
    <definedName name="物件費０５税額_26">#REF!</definedName>
    <definedName name="物件費０５税額_27">#REF!</definedName>
    <definedName name="物件費０５税額_28">#REF!</definedName>
    <definedName name="物件費０５税額_29">#REF!</definedName>
    <definedName name="物件費０５税額_3">#REF!</definedName>
    <definedName name="物件費０５税額_30">#REF!</definedName>
    <definedName name="物件費０５税額_31">#REF!</definedName>
    <definedName name="物件費０５税額_32">#REF!</definedName>
    <definedName name="物件費０５税額_33">#REF!</definedName>
    <definedName name="物件費０５税額_34">#REF!</definedName>
    <definedName name="物件費０５税額_35">#REF!</definedName>
    <definedName name="物件費０５税額_36">#REF!</definedName>
    <definedName name="物件費０５税額_37">#REF!</definedName>
    <definedName name="物件費０５税額_38">#REF!</definedName>
    <definedName name="物件費０５税額_39">#REF!</definedName>
    <definedName name="物件費０５税額_4">#REF!</definedName>
    <definedName name="物件費０５税額_40">#REF!</definedName>
    <definedName name="物件費０５税額_41">#REF!</definedName>
    <definedName name="物件費０５税額_42">#REF!</definedName>
    <definedName name="物件費０５税額_43">#REF!</definedName>
    <definedName name="物件費０５税額_44">#REF!</definedName>
    <definedName name="物件費０５税額_45">#REF!</definedName>
    <definedName name="物件費０５税額_46">#REF!</definedName>
    <definedName name="物件費０５税額_5">#REF!</definedName>
    <definedName name="物件費０５税額_6">#REF!</definedName>
    <definedName name="物件費０５税額_7">#REF!</definedName>
    <definedName name="物件費０５税額_8">#REF!</definedName>
    <definedName name="物件費０５税額_9">#REF!</definedName>
    <definedName name="物件費０６金額_1">#REF!</definedName>
    <definedName name="物件費０６金額_10">#REF!</definedName>
    <definedName name="物件費０６金額_11">#REF!</definedName>
    <definedName name="物件費０６金額_12">#REF!</definedName>
    <definedName name="物件費０６金額_13">#REF!</definedName>
    <definedName name="物件費０６金額_14">#REF!</definedName>
    <definedName name="物件費０６金額_15">#REF!</definedName>
    <definedName name="物件費０６金額_16">#REF!</definedName>
    <definedName name="物件費０６金額_17">#REF!</definedName>
    <definedName name="物件費０６金額_18">#REF!</definedName>
    <definedName name="物件費０６金額_19">#REF!</definedName>
    <definedName name="物件費０６金額_2">#REF!</definedName>
    <definedName name="物件費０６金額_20">#REF!</definedName>
    <definedName name="物件費０６金額_21">#REF!</definedName>
    <definedName name="物件費０６金額_22">#REF!</definedName>
    <definedName name="物件費０６金額_23">#REF!</definedName>
    <definedName name="物件費０６金額_24">#REF!</definedName>
    <definedName name="物件費０６金額_25">#REF!</definedName>
    <definedName name="物件費０６金額_26">#REF!</definedName>
    <definedName name="物件費０６金額_27">#REF!</definedName>
    <definedName name="物件費０６金額_28">#REF!</definedName>
    <definedName name="物件費０６金額_29">#REF!</definedName>
    <definedName name="物件費０６金額_3">#REF!</definedName>
    <definedName name="物件費０６金額_30">#REF!</definedName>
    <definedName name="物件費０６金額_31">#REF!</definedName>
    <definedName name="物件費０６金額_32">#REF!</definedName>
    <definedName name="物件費０６金額_33">#REF!</definedName>
    <definedName name="物件費０６金額_34">#REF!</definedName>
    <definedName name="物件費０６金額_35">#REF!</definedName>
    <definedName name="物件費０６金額_36">#REF!</definedName>
    <definedName name="物件費０６金額_37">#REF!</definedName>
    <definedName name="物件費０６金額_38">#REF!</definedName>
    <definedName name="物件費０６金額_39">#REF!</definedName>
    <definedName name="物件費０６金額_4">#REF!</definedName>
    <definedName name="物件費０６金額_40">#REF!</definedName>
    <definedName name="物件費０６金額_41">#REF!</definedName>
    <definedName name="物件費０６金額_42">#REF!</definedName>
    <definedName name="物件費０６金額_43">#REF!</definedName>
    <definedName name="物件費０６金額_44">#REF!</definedName>
    <definedName name="物件費０６金額_45">#REF!</definedName>
    <definedName name="物件費０６金額_46">#REF!</definedName>
    <definedName name="物件費０６金額_5">#REF!</definedName>
    <definedName name="物件費０６金額_6">#REF!</definedName>
    <definedName name="物件費０６金額_7">#REF!</definedName>
    <definedName name="物件費０６金額_8">#REF!</definedName>
    <definedName name="物件費０６金額_9">#REF!</definedName>
    <definedName name="物件費０６税額_1">#REF!</definedName>
    <definedName name="物件費０６税額_10">#REF!</definedName>
    <definedName name="物件費０６税額_11">#REF!</definedName>
    <definedName name="物件費０６税額_12">#REF!</definedName>
    <definedName name="物件費０６税額_13">#REF!</definedName>
    <definedName name="物件費０６税額_14">#REF!</definedName>
    <definedName name="物件費０６税額_15">#REF!</definedName>
    <definedName name="物件費０６税額_16">#REF!</definedName>
    <definedName name="物件費０６税額_17">#REF!</definedName>
    <definedName name="物件費０６税額_18">#REF!</definedName>
    <definedName name="物件費０６税額_19">#REF!</definedName>
    <definedName name="物件費０６税額_2">#REF!</definedName>
    <definedName name="物件費０６税額_20">#REF!</definedName>
    <definedName name="物件費０６税額_21">#REF!</definedName>
    <definedName name="物件費０６税額_22">#REF!</definedName>
    <definedName name="物件費０６税額_23">#REF!</definedName>
    <definedName name="物件費０６税額_24">#REF!</definedName>
    <definedName name="物件費０６税額_25">#REF!</definedName>
    <definedName name="物件費０６税額_26">#REF!</definedName>
    <definedName name="物件費０６税額_27">#REF!</definedName>
    <definedName name="物件費０６税額_28">#REF!</definedName>
    <definedName name="物件費０６税額_29">#REF!</definedName>
    <definedName name="物件費０６税額_3">#REF!</definedName>
    <definedName name="物件費０６税額_30">#REF!</definedName>
    <definedName name="物件費０６税額_31">#REF!</definedName>
    <definedName name="物件費０６税額_32">#REF!</definedName>
    <definedName name="物件費０６税額_33">#REF!</definedName>
    <definedName name="物件費０６税額_34">#REF!</definedName>
    <definedName name="物件費０６税額_35">#REF!</definedName>
    <definedName name="物件費０６税額_36">#REF!</definedName>
    <definedName name="物件費０６税額_37">#REF!</definedName>
    <definedName name="物件費０６税額_38">#REF!</definedName>
    <definedName name="物件費０６税額_39">#REF!</definedName>
    <definedName name="物件費０６税額_4">#REF!</definedName>
    <definedName name="物件費０６税額_40">#REF!</definedName>
    <definedName name="物件費０６税額_41">#REF!</definedName>
    <definedName name="物件費０６税額_42">#REF!</definedName>
    <definedName name="物件費０６税額_43">#REF!</definedName>
    <definedName name="物件費０６税額_44">#REF!</definedName>
    <definedName name="物件費０６税額_45">#REF!</definedName>
    <definedName name="物件費０６税額_46">#REF!</definedName>
    <definedName name="物件費０６税額_5">#REF!</definedName>
    <definedName name="物件費０６税額_6">#REF!</definedName>
    <definedName name="物件費０６税額_7">#REF!</definedName>
    <definedName name="物件費０６税額_8">#REF!</definedName>
    <definedName name="物件費０６税額_9">#REF!</definedName>
    <definedName name="物件費０７金額_1">#REF!</definedName>
    <definedName name="物件費０７金額_10">#REF!</definedName>
    <definedName name="物件費０７金額_11">#REF!</definedName>
    <definedName name="物件費０７金額_12">#REF!</definedName>
    <definedName name="物件費０７金額_13">#REF!</definedName>
    <definedName name="物件費０７金額_14">#REF!</definedName>
    <definedName name="物件費０７金額_15">#REF!</definedName>
    <definedName name="物件費０７金額_16">#REF!</definedName>
    <definedName name="物件費０７金額_17">#REF!</definedName>
    <definedName name="物件費０７金額_18">#REF!</definedName>
    <definedName name="物件費０７金額_19">#REF!</definedName>
    <definedName name="物件費０７金額_2">#REF!</definedName>
    <definedName name="物件費０７金額_20">#REF!</definedName>
    <definedName name="物件費０７金額_21">#REF!</definedName>
    <definedName name="物件費０７金額_22">#REF!</definedName>
    <definedName name="物件費０７金額_23">#REF!</definedName>
    <definedName name="物件費０７金額_24">#REF!</definedName>
    <definedName name="物件費０７金額_25">#REF!</definedName>
    <definedName name="物件費０７金額_26">#REF!</definedName>
    <definedName name="物件費０７金額_27">#REF!</definedName>
    <definedName name="物件費０７金額_28">#REF!</definedName>
    <definedName name="物件費０７金額_29">#REF!</definedName>
    <definedName name="物件費０７金額_3">#REF!</definedName>
    <definedName name="物件費０７金額_30">#REF!</definedName>
    <definedName name="物件費０７金額_31">#REF!</definedName>
    <definedName name="物件費０７金額_32">#REF!</definedName>
    <definedName name="物件費０７金額_33">#REF!</definedName>
    <definedName name="物件費０７金額_34">#REF!</definedName>
    <definedName name="物件費０７金額_35">#REF!</definedName>
    <definedName name="物件費０７金額_36">#REF!</definedName>
    <definedName name="物件費０７金額_37">#REF!</definedName>
    <definedName name="物件費０７金額_38">#REF!</definedName>
    <definedName name="物件費０７金額_39">#REF!</definedName>
    <definedName name="物件費０７金額_4">#REF!</definedName>
    <definedName name="物件費０７金額_40">#REF!</definedName>
    <definedName name="物件費０７金額_41">#REF!</definedName>
    <definedName name="物件費０７金額_42">#REF!</definedName>
    <definedName name="物件費０７金額_43">#REF!</definedName>
    <definedName name="物件費０７金額_44">#REF!</definedName>
    <definedName name="物件費０７金額_45">#REF!</definedName>
    <definedName name="物件費０７金額_46">#REF!</definedName>
    <definedName name="物件費０７金額_5">#REF!</definedName>
    <definedName name="物件費０７金額_6">#REF!</definedName>
    <definedName name="物件費０７金額_7">#REF!</definedName>
    <definedName name="物件費０７金額_8">#REF!</definedName>
    <definedName name="物件費０７金額_9">#REF!</definedName>
    <definedName name="物件費０７税額_1">#REF!</definedName>
    <definedName name="物件費０７税額_10">#REF!</definedName>
    <definedName name="物件費０７税額_11">#REF!</definedName>
    <definedName name="物件費０７税額_12">#REF!</definedName>
    <definedName name="物件費０７税額_13">#REF!</definedName>
    <definedName name="物件費０７税額_14">#REF!</definedName>
    <definedName name="物件費０７税額_15">#REF!</definedName>
    <definedName name="物件費０７税額_16">#REF!</definedName>
    <definedName name="物件費０７税額_17">#REF!</definedName>
    <definedName name="物件費０７税額_18">#REF!</definedName>
    <definedName name="物件費０７税額_19">#REF!</definedName>
    <definedName name="物件費０７税額_2">#REF!</definedName>
    <definedName name="物件費０７税額_20">#REF!</definedName>
    <definedName name="物件費０７税額_21">#REF!</definedName>
    <definedName name="物件費０７税額_22">#REF!</definedName>
    <definedName name="物件費０７税額_23">#REF!</definedName>
    <definedName name="物件費０７税額_24">#REF!</definedName>
    <definedName name="物件費０７税額_25">#REF!</definedName>
    <definedName name="物件費０７税額_26">#REF!</definedName>
    <definedName name="物件費０７税額_27">#REF!</definedName>
    <definedName name="物件費０７税額_28">#REF!</definedName>
    <definedName name="物件費０７税額_29">#REF!</definedName>
    <definedName name="物件費０７税額_3">#REF!</definedName>
    <definedName name="物件費０７税額_30">#REF!</definedName>
    <definedName name="物件費０７税額_31">#REF!</definedName>
    <definedName name="物件費０７税額_32">#REF!</definedName>
    <definedName name="物件費０７税額_33">#REF!</definedName>
    <definedName name="物件費０７税額_34">#REF!</definedName>
    <definedName name="物件費０７税額_35">#REF!</definedName>
    <definedName name="物件費０７税額_36">#REF!</definedName>
    <definedName name="物件費０７税額_37">#REF!</definedName>
    <definedName name="物件費０７税額_38">#REF!</definedName>
    <definedName name="物件費０７税額_39">#REF!</definedName>
    <definedName name="物件費０７税額_4">#REF!</definedName>
    <definedName name="物件費０７税額_40">#REF!</definedName>
    <definedName name="物件費０７税額_41">#REF!</definedName>
    <definedName name="物件費０７税額_42">#REF!</definedName>
    <definedName name="物件費０７税額_43">#REF!</definedName>
    <definedName name="物件費０７税額_44">#REF!</definedName>
    <definedName name="物件費０７税額_45">#REF!</definedName>
    <definedName name="物件費０７税額_46">#REF!</definedName>
    <definedName name="物件費０７税額_5">#REF!</definedName>
    <definedName name="物件費０７税額_6">#REF!</definedName>
    <definedName name="物件費０７税額_7">#REF!</definedName>
    <definedName name="物件費０７税額_8">#REF!</definedName>
    <definedName name="物件費０７税額_9">#REF!</definedName>
    <definedName name="物件費０８金額_1">#REF!</definedName>
    <definedName name="物件費０８金額_10">#REF!</definedName>
    <definedName name="物件費０８金額_11">#REF!</definedName>
    <definedName name="物件費０８金額_12">#REF!</definedName>
    <definedName name="物件費０８金額_13">#REF!</definedName>
    <definedName name="物件費０８金額_14">#REF!</definedName>
    <definedName name="物件費０８金額_15">#REF!</definedName>
    <definedName name="物件費０８金額_16">#REF!</definedName>
    <definedName name="物件費０８金額_17">#REF!</definedName>
    <definedName name="物件費０８金額_18">#REF!</definedName>
    <definedName name="物件費０８金額_19">#REF!</definedName>
    <definedName name="物件費０８金額_2">#REF!</definedName>
    <definedName name="物件費０８金額_20">#REF!</definedName>
    <definedName name="物件費０８金額_21">#REF!</definedName>
    <definedName name="物件費０８金額_22">#REF!</definedName>
    <definedName name="物件費０８金額_23">#REF!</definedName>
    <definedName name="物件費０８金額_24">#REF!</definedName>
    <definedName name="物件費０８金額_25">#REF!</definedName>
    <definedName name="物件費０８金額_26">#REF!</definedName>
    <definedName name="物件費０８金額_27">#REF!</definedName>
    <definedName name="物件費０８金額_28">#REF!</definedName>
    <definedName name="物件費０８金額_29">#REF!</definedName>
    <definedName name="物件費０８金額_3">#REF!</definedName>
    <definedName name="物件費０８金額_30">#REF!</definedName>
    <definedName name="物件費０８金額_31">#REF!</definedName>
    <definedName name="物件費０８金額_32">#REF!</definedName>
    <definedName name="物件費０８金額_33">#REF!</definedName>
    <definedName name="物件費０８金額_34">#REF!</definedName>
    <definedName name="物件費０８金額_35">#REF!</definedName>
    <definedName name="物件費０８金額_36">#REF!</definedName>
    <definedName name="物件費０８金額_37">#REF!</definedName>
    <definedName name="物件費０８金額_38">#REF!</definedName>
    <definedName name="物件費０８金額_39">#REF!</definedName>
    <definedName name="物件費０８金額_4">#REF!</definedName>
    <definedName name="物件費０８金額_40">#REF!</definedName>
    <definedName name="物件費０８金額_41">#REF!</definedName>
    <definedName name="物件費０８金額_42">#REF!</definedName>
    <definedName name="物件費０８金額_43">#REF!</definedName>
    <definedName name="物件費０８金額_44">#REF!</definedName>
    <definedName name="物件費０８金額_45">#REF!</definedName>
    <definedName name="物件費０８金額_46">#REF!</definedName>
    <definedName name="物件費０８金額_5">#REF!</definedName>
    <definedName name="物件費０８金額_6">#REF!</definedName>
    <definedName name="物件費０８金額_7">#REF!</definedName>
    <definedName name="物件費０８金額_8">#REF!</definedName>
    <definedName name="物件費０８金額_9">#REF!</definedName>
    <definedName name="物件費０８税額_1">#REF!</definedName>
    <definedName name="物件費０８税額_10">#REF!</definedName>
    <definedName name="物件費０８税額_11">#REF!</definedName>
    <definedName name="物件費０８税額_12">#REF!</definedName>
    <definedName name="物件費０８税額_13">#REF!</definedName>
    <definedName name="物件費０８税額_14">#REF!</definedName>
    <definedName name="物件費０８税額_15">#REF!</definedName>
    <definedName name="物件費０８税額_16">#REF!</definedName>
    <definedName name="物件費０８税額_17">#REF!</definedName>
    <definedName name="物件費０８税額_18">#REF!</definedName>
    <definedName name="物件費０８税額_19">#REF!</definedName>
    <definedName name="物件費０８税額_2">#REF!</definedName>
    <definedName name="物件費０８税額_20">#REF!</definedName>
    <definedName name="物件費０８税額_21">#REF!</definedName>
    <definedName name="物件費０８税額_22">#REF!</definedName>
    <definedName name="物件費０８税額_23">#REF!</definedName>
    <definedName name="物件費０８税額_24">#REF!</definedName>
    <definedName name="物件費０８税額_25">#REF!</definedName>
    <definedName name="物件費０８税額_26">#REF!</definedName>
    <definedName name="物件費０８税額_27">#REF!</definedName>
    <definedName name="物件費０８税額_28">#REF!</definedName>
    <definedName name="物件費０８税額_29">#REF!</definedName>
    <definedName name="物件費０８税額_3">#REF!</definedName>
    <definedName name="物件費０８税額_30">#REF!</definedName>
    <definedName name="物件費０８税額_31">#REF!</definedName>
    <definedName name="物件費０８税額_32">#REF!</definedName>
    <definedName name="物件費０８税額_33">#REF!</definedName>
    <definedName name="物件費０８税額_34">#REF!</definedName>
    <definedName name="物件費０８税額_35">#REF!</definedName>
    <definedName name="物件費０８税額_36">#REF!</definedName>
    <definedName name="物件費０８税額_37">#REF!</definedName>
    <definedName name="物件費０８税額_38">#REF!</definedName>
    <definedName name="物件費０８税額_39">#REF!</definedName>
    <definedName name="物件費０８税額_4">#REF!</definedName>
    <definedName name="物件費０８税額_40">#REF!</definedName>
    <definedName name="物件費０８税額_41">#REF!</definedName>
    <definedName name="物件費０８税額_42">#REF!</definedName>
    <definedName name="物件費０８税額_43">#REF!</definedName>
    <definedName name="物件費０８税額_44">#REF!</definedName>
    <definedName name="物件費０８税額_45">#REF!</definedName>
    <definedName name="物件費０８税額_46">#REF!</definedName>
    <definedName name="物件費０８税額_5">#REF!</definedName>
    <definedName name="物件費０８税額_6">#REF!</definedName>
    <definedName name="物件費０８税額_7">#REF!</definedName>
    <definedName name="物件費０８税額_8">#REF!</definedName>
    <definedName name="物件費０８税額_9">#REF!</definedName>
    <definedName name="物件費０９金額_1">#REF!</definedName>
    <definedName name="物件費０９金額_10">#REF!</definedName>
    <definedName name="物件費０９金額_11">#REF!</definedName>
    <definedName name="物件費０９金額_12">#REF!</definedName>
    <definedName name="物件費０９金額_13">#REF!</definedName>
    <definedName name="物件費０９金額_14">#REF!</definedName>
    <definedName name="物件費０９金額_15">#REF!</definedName>
    <definedName name="物件費０９金額_16">#REF!</definedName>
    <definedName name="物件費０９金額_17">#REF!</definedName>
    <definedName name="物件費０９金額_18">#REF!</definedName>
    <definedName name="物件費０９金額_19">#REF!</definedName>
    <definedName name="物件費０９金額_2">#REF!</definedName>
    <definedName name="物件費０９金額_20">#REF!</definedName>
    <definedName name="物件費０９金額_21">#REF!</definedName>
    <definedName name="物件費０９金額_22">#REF!</definedName>
    <definedName name="物件費０９金額_23">#REF!</definedName>
    <definedName name="物件費０９金額_24">#REF!</definedName>
    <definedName name="物件費０９金額_25">#REF!</definedName>
    <definedName name="物件費０９金額_26">#REF!</definedName>
    <definedName name="物件費０９金額_27">#REF!</definedName>
    <definedName name="物件費０９金額_28">#REF!</definedName>
    <definedName name="物件費０９金額_29">#REF!</definedName>
    <definedName name="物件費０９金額_3">#REF!</definedName>
    <definedName name="物件費０９金額_30">#REF!</definedName>
    <definedName name="物件費０９金額_31">#REF!</definedName>
    <definedName name="物件費０９金額_32">#REF!</definedName>
    <definedName name="物件費０９金額_33">#REF!</definedName>
    <definedName name="物件費０９金額_34">#REF!</definedName>
    <definedName name="物件費０９金額_35">#REF!</definedName>
    <definedName name="物件費０９金額_36">#REF!</definedName>
    <definedName name="物件費０９金額_37">#REF!</definedName>
    <definedName name="物件費０９金額_38">#REF!</definedName>
    <definedName name="物件費０９金額_39">#REF!</definedName>
    <definedName name="物件費０９金額_4">#REF!</definedName>
    <definedName name="物件費０９金額_40">#REF!</definedName>
    <definedName name="物件費０９金額_41">#REF!</definedName>
    <definedName name="物件費０９金額_42">#REF!</definedName>
    <definedName name="物件費０９金額_43">#REF!</definedName>
    <definedName name="物件費０９金額_44">#REF!</definedName>
    <definedName name="物件費０９金額_45">#REF!</definedName>
    <definedName name="物件費０９金額_46">#REF!</definedName>
    <definedName name="物件費０９金額_5">#REF!</definedName>
    <definedName name="物件費０９金額_6">#REF!</definedName>
    <definedName name="物件費０９金額_7">#REF!</definedName>
    <definedName name="物件費０９金額_8">#REF!</definedName>
    <definedName name="物件費０９金額_9">#REF!</definedName>
    <definedName name="物件費０９税額_1">#REF!</definedName>
    <definedName name="物件費０９税額_10">#REF!</definedName>
    <definedName name="物件費０９税額_11">#REF!</definedName>
    <definedName name="物件費０９税額_12">#REF!</definedName>
    <definedName name="物件費０９税額_13">#REF!</definedName>
    <definedName name="物件費０９税額_14">#REF!</definedName>
    <definedName name="物件費０９税額_15">#REF!</definedName>
    <definedName name="物件費０９税額_16">#REF!</definedName>
    <definedName name="物件費０９税額_17">#REF!</definedName>
    <definedName name="物件費０９税額_18">#REF!</definedName>
    <definedName name="物件費０９税額_19">#REF!</definedName>
    <definedName name="物件費０９税額_2">#REF!</definedName>
    <definedName name="物件費０９税額_20">#REF!</definedName>
    <definedName name="物件費０９税額_21">#REF!</definedName>
    <definedName name="物件費０９税額_22">#REF!</definedName>
    <definedName name="物件費０９税額_23">#REF!</definedName>
    <definedName name="物件費０９税額_24">#REF!</definedName>
    <definedName name="物件費０９税額_25">#REF!</definedName>
    <definedName name="物件費０９税額_26">#REF!</definedName>
    <definedName name="物件費０９税額_27">#REF!</definedName>
    <definedName name="物件費０９税額_28">#REF!</definedName>
    <definedName name="物件費０９税額_29">#REF!</definedName>
    <definedName name="物件費０９税額_3">#REF!</definedName>
    <definedName name="物件費０９税額_30">#REF!</definedName>
    <definedName name="物件費０９税額_31">#REF!</definedName>
    <definedName name="物件費０９税額_32">#REF!</definedName>
    <definedName name="物件費０９税額_33">#REF!</definedName>
    <definedName name="物件費０９税額_34">#REF!</definedName>
    <definedName name="物件費０９税額_35">#REF!</definedName>
    <definedName name="物件費０９税額_36">#REF!</definedName>
    <definedName name="物件費０９税額_37">#REF!</definedName>
    <definedName name="物件費０９税額_38">#REF!</definedName>
    <definedName name="物件費０９税額_39">#REF!</definedName>
    <definedName name="物件費０９税額_4">#REF!</definedName>
    <definedName name="物件費０９税額_40">#REF!</definedName>
    <definedName name="物件費０９税額_41">#REF!</definedName>
    <definedName name="物件費０９税額_42">#REF!</definedName>
    <definedName name="物件費０９税額_43">#REF!</definedName>
    <definedName name="物件費０９税額_44">#REF!</definedName>
    <definedName name="物件費０９税額_45">#REF!</definedName>
    <definedName name="物件費０９税額_46">#REF!</definedName>
    <definedName name="物件費０９税額_5">#REF!</definedName>
    <definedName name="物件費０９税額_6">#REF!</definedName>
    <definedName name="物件費０９税額_7">#REF!</definedName>
    <definedName name="物件費０９税額_8">#REF!</definedName>
    <definedName name="物件費０９税額_9">#REF!</definedName>
    <definedName name="物件費１０金額_1">#REF!</definedName>
    <definedName name="物件費１０金額_10">#REF!</definedName>
    <definedName name="物件費１０金額_11">#REF!</definedName>
    <definedName name="物件費１０金額_12">#REF!</definedName>
    <definedName name="物件費１０金額_13">#REF!</definedName>
    <definedName name="物件費１０金額_14">#REF!</definedName>
    <definedName name="物件費１０金額_15">#REF!</definedName>
    <definedName name="物件費１０金額_16">#REF!</definedName>
    <definedName name="物件費１０金額_17">#REF!</definedName>
    <definedName name="物件費１０金額_18">#REF!</definedName>
    <definedName name="物件費１０金額_19">#REF!</definedName>
    <definedName name="物件費１０金額_2">#REF!</definedName>
    <definedName name="物件費１０金額_20">#REF!</definedName>
    <definedName name="物件費１０金額_21">#REF!</definedName>
    <definedName name="物件費１０金額_22">#REF!</definedName>
    <definedName name="物件費１０金額_23">#REF!</definedName>
    <definedName name="物件費１０金額_24">#REF!</definedName>
    <definedName name="物件費１０金額_25">#REF!</definedName>
    <definedName name="物件費１０金額_26">#REF!</definedName>
    <definedName name="物件費１０金額_27">#REF!</definedName>
    <definedName name="物件費１０金額_28">#REF!</definedName>
    <definedName name="物件費１０金額_29">#REF!</definedName>
    <definedName name="物件費１０金額_3">#REF!</definedName>
    <definedName name="物件費１０金額_30">#REF!</definedName>
    <definedName name="物件費１０金額_31">#REF!</definedName>
    <definedName name="物件費１０金額_32">#REF!</definedName>
    <definedName name="物件費１０金額_33">#REF!</definedName>
    <definedName name="物件費１０金額_34">#REF!</definedName>
    <definedName name="物件費１０金額_35">#REF!</definedName>
    <definedName name="物件費１０金額_36">#REF!</definedName>
    <definedName name="物件費１０金額_37">#REF!</definedName>
    <definedName name="物件費１０金額_38">#REF!</definedName>
    <definedName name="物件費１０金額_39">#REF!</definedName>
    <definedName name="物件費１０金額_4">#REF!</definedName>
    <definedName name="物件費１０金額_40">#REF!</definedName>
    <definedName name="物件費１０金額_41">#REF!</definedName>
    <definedName name="物件費１０金額_42">#REF!</definedName>
    <definedName name="物件費１０金額_43">#REF!</definedName>
    <definedName name="物件費１０金額_44">#REF!</definedName>
    <definedName name="物件費１０金額_45">#REF!</definedName>
    <definedName name="物件費１０金額_46">#REF!</definedName>
    <definedName name="物件費１０金額_5">#REF!</definedName>
    <definedName name="物件費１０金額_6">#REF!</definedName>
    <definedName name="物件費１０金額_7">#REF!</definedName>
    <definedName name="物件費１０金額_8">#REF!</definedName>
    <definedName name="物件費１０金額_9">#REF!</definedName>
    <definedName name="物件費１０税額_1">#REF!</definedName>
    <definedName name="物件費１０税額_10">#REF!</definedName>
    <definedName name="物件費１０税額_11">#REF!</definedName>
    <definedName name="物件費１０税額_12">#REF!</definedName>
    <definedName name="物件費１０税額_13">#REF!</definedName>
    <definedName name="物件費１０税額_14">#REF!</definedName>
    <definedName name="物件費１０税額_15">#REF!</definedName>
    <definedName name="物件費１０税額_16">#REF!</definedName>
    <definedName name="物件費１０税額_17">#REF!</definedName>
    <definedName name="物件費１０税額_18">#REF!</definedName>
    <definedName name="物件費１０税額_19">#REF!</definedName>
    <definedName name="物件費１０税額_2">#REF!</definedName>
    <definedName name="物件費１０税額_20">#REF!</definedName>
    <definedName name="物件費１０税額_21">#REF!</definedName>
    <definedName name="物件費１０税額_22">#REF!</definedName>
    <definedName name="物件費１０税額_23">#REF!</definedName>
    <definedName name="物件費１０税額_24">#REF!</definedName>
    <definedName name="物件費１０税額_25">#REF!</definedName>
    <definedName name="物件費１０税額_26">#REF!</definedName>
    <definedName name="物件費１０税額_27">#REF!</definedName>
    <definedName name="物件費１０税額_28">#REF!</definedName>
    <definedName name="物件費１０税額_29">#REF!</definedName>
    <definedName name="物件費１０税額_3">#REF!</definedName>
    <definedName name="物件費１０税額_30">#REF!</definedName>
    <definedName name="物件費１０税額_31">#REF!</definedName>
    <definedName name="物件費１０税額_32">#REF!</definedName>
    <definedName name="物件費１０税額_33">#REF!</definedName>
    <definedName name="物件費１０税額_34">#REF!</definedName>
    <definedName name="物件費１０税額_35">#REF!</definedName>
    <definedName name="物件費１０税額_36">#REF!</definedName>
    <definedName name="物件費１０税額_37">#REF!</definedName>
    <definedName name="物件費１０税額_38">#REF!</definedName>
    <definedName name="物件費１０税額_39">#REF!</definedName>
    <definedName name="物件費１０税額_4">#REF!</definedName>
    <definedName name="物件費１０税額_40">#REF!</definedName>
    <definedName name="物件費１０税額_41">#REF!</definedName>
    <definedName name="物件費１０税額_42">#REF!</definedName>
    <definedName name="物件費１０税額_43">#REF!</definedName>
    <definedName name="物件費１０税額_44">#REF!</definedName>
    <definedName name="物件費１０税額_45">#REF!</definedName>
    <definedName name="物件費１０税額_46">#REF!</definedName>
    <definedName name="物件費１０税額_5">#REF!</definedName>
    <definedName name="物件費１０税額_6">#REF!</definedName>
    <definedName name="物件費１０税額_7">#REF!</definedName>
    <definedName name="物件費１０税額_8">#REF!</definedName>
    <definedName name="物件費１０税額_9">#REF!</definedName>
    <definedName name="物件費左記以外金額_1">#REF!</definedName>
    <definedName name="物件費左記以外金額_10">#REF!</definedName>
    <definedName name="物件費左記以外金額_11">#REF!</definedName>
    <definedName name="物件費左記以外金額_12">#REF!</definedName>
    <definedName name="物件費左記以外金額_13">#REF!</definedName>
    <definedName name="物件費左記以外金額_14">#REF!</definedName>
    <definedName name="物件費左記以外金額_15">#REF!</definedName>
    <definedName name="物件費左記以外金額_16">#REF!</definedName>
    <definedName name="物件費左記以外金額_17">#REF!</definedName>
    <definedName name="物件費左記以外金額_18">#REF!</definedName>
    <definedName name="物件費左記以外金額_19">#REF!</definedName>
    <definedName name="物件費左記以外金額_2">#REF!</definedName>
    <definedName name="物件費左記以外金額_20">#REF!</definedName>
    <definedName name="物件費左記以外金額_21">#REF!</definedName>
    <definedName name="物件費左記以外金額_22">#REF!</definedName>
    <definedName name="物件費左記以外金額_23">#REF!</definedName>
    <definedName name="物件費左記以外金額_24">#REF!</definedName>
    <definedName name="物件費左記以外金額_25">#REF!</definedName>
    <definedName name="物件費左記以外金額_26">#REF!</definedName>
    <definedName name="物件費左記以外金額_27">#REF!</definedName>
    <definedName name="物件費左記以外金額_28">#REF!</definedName>
    <definedName name="物件費左記以外金額_29">#REF!</definedName>
    <definedName name="物件費左記以外金額_3">#REF!</definedName>
    <definedName name="物件費左記以外金額_30">#REF!</definedName>
    <definedName name="物件費左記以外金額_31">#REF!</definedName>
    <definedName name="物件費左記以外金額_32">#REF!</definedName>
    <definedName name="物件費左記以外金額_33">#REF!</definedName>
    <definedName name="物件費左記以外金額_34">#REF!</definedName>
    <definedName name="物件費左記以外金額_35">#REF!</definedName>
    <definedName name="物件費左記以外金額_36">#REF!</definedName>
    <definedName name="物件費左記以外金額_37">#REF!</definedName>
    <definedName name="物件費左記以外金額_38">#REF!</definedName>
    <definedName name="物件費左記以外金額_39">#REF!</definedName>
    <definedName name="物件費左記以外金額_4">#REF!</definedName>
    <definedName name="物件費左記以外金額_40">#REF!</definedName>
    <definedName name="物件費左記以外金額_41">#REF!</definedName>
    <definedName name="物件費左記以外金額_42">#REF!</definedName>
    <definedName name="物件費左記以外金額_43">#REF!</definedName>
    <definedName name="物件費左記以外金額_44">#REF!</definedName>
    <definedName name="物件費左記以外金額_45">#REF!</definedName>
    <definedName name="物件費左記以外金額_46">#REF!</definedName>
    <definedName name="物件費左記以外金額_5">#REF!</definedName>
    <definedName name="物件費左記以外金額_6">#REF!</definedName>
    <definedName name="物件費左記以外金額_7">#REF!</definedName>
    <definedName name="物件費左記以外金額_8">#REF!</definedName>
    <definedName name="物件費左記以外金額_9">#REF!</definedName>
    <definedName name="物件費左記以外税額_1">#REF!</definedName>
    <definedName name="物件費左記以外税額_10">#REF!</definedName>
    <definedName name="物件費左記以外税額_11">#REF!</definedName>
    <definedName name="物件費左記以外税額_12">#REF!</definedName>
    <definedName name="物件費左記以外税額_13">#REF!</definedName>
    <definedName name="物件費左記以外税額_14">#REF!</definedName>
    <definedName name="物件費左記以外税額_15">#REF!</definedName>
    <definedName name="物件費左記以外税額_16">#REF!</definedName>
    <definedName name="物件費左記以外税額_17">#REF!</definedName>
    <definedName name="物件費左記以外税額_18">#REF!</definedName>
    <definedName name="物件費左記以外税額_19">#REF!</definedName>
    <definedName name="物件費左記以外税額_2">#REF!</definedName>
    <definedName name="物件費左記以外税額_20">#REF!</definedName>
    <definedName name="物件費左記以外税額_21">#REF!</definedName>
    <definedName name="物件費左記以外税額_22">#REF!</definedName>
    <definedName name="物件費左記以外税額_23">#REF!</definedName>
    <definedName name="物件費左記以外税額_24">#REF!</definedName>
    <definedName name="物件費左記以外税額_25">#REF!</definedName>
    <definedName name="物件費左記以外税額_26">#REF!</definedName>
    <definedName name="物件費左記以外税額_27">#REF!</definedName>
    <definedName name="物件費左記以外税額_28">#REF!</definedName>
    <definedName name="物件費左記以外税額_29">#REF!</definedName>
    <definedName name="物件費左記以外税額_3">#REF!</definedName>
    <definedName name="物件費左記以外税額_30">#REF!</definedName>
    <definedName name="物件費左記以外税額_31">#REF!</definedName>
    <definedName name="物件費左記以外税額_32">#REF!</definedName>
    <definedName name="物件費左記以外税額_33">#REF!</definedName>
    <definedName name="物件費左記以外税額_34">#REF!</definedName>
    <definedName name="物件費左記以外税額_35">#REF!</definedName>
    <definedName name="物件費左記以外税額_36">#REF!</definedName>
    <definedName name="物件費左記以外税額_37">#REF!</definedName>
    <definedName name="物件費左記以外税額_38">#REF!</definedName>
    <definedName name="物件費左記以外税額_39">#REF!</definedName>
    <definedName name="物件費左記以外税額_4">#REF!</definedName>
    <definedName name="物件費左記以外税額_40">#REF!</definedName>
    <definedName name="物件費左記以外税額_41">#REF!</definedName>
    <definedName name="物件費左記以外税額_42">#REF!</definedName>
    <definedName name="物件費左記以外税額_43">#REF!</definedName>
    <definedName name="物件費左記以外税額_44">#REF!</definedName>
    <definedName name="物件費左記以外税額_45">#REF!</definedName>
    <definedName name="物件費左記以外税額_46">#REF!</definedName>
    <definedName name="物件費左記以外税額_5">#REF!</definedName>
    <definedName name="物件費左記以外税額_6">#REF!</definedName>
    <definedName name="物件費左記以外税額_7">#REF!</definedName>
    <definedName name="物件費左記以外税額_8">#REF!</definedName>
    <definedName name="物件費左記以外税額_9">#REF!</definedName>
    <definedName name="物件費名称_1">#REF!</definedName>
    <definedName name="物件費名称_10">#REF!</definedName>
    <definedName name="物件費名称_11">#REF!</definedName>
    <definedName name="物件費名称_12">#REF!</definedName>
    <definedName name="物件費名称_13">#REF!</definedName>
    <definedName name="物件費名称_14">#REF!</definedName>
    <definedName name="物件費名称_15">#REF!</definedName>
    <definedName name="物件費名称_16">#REF!</definedName>
    <definedName name="物件費名称_17">#REF!</definedName>
    <definedName name="物件費名称_18">#REF!</definedName>
    <definedName name="物件費名称_19">#REF!</definedName>
    <definedName name="物件費名称_2">#REF!</definedName>
    <definedName name="物件費名称_20">#REF!</definedName>
    <definedName name="物件費名称_21">#REF!</definedName>
    <definedName name="物件費名称_22">#REF!</definedName>
    <definedName name="物件費名称_23">#REF!</definedName>
    <definedName name="物件費名称_24">#REF!</definedName>
    <definedName name="物件費名称_25">#REF!</definedName>
    <definedName name="物件費名称_26">#REF!</definedName>
    <definedName name="物件費名称_27">#REF!</definedName>
    <definedName name="物件費名称_28">#REF!</definedName>
    <definedName name="物件費名称_29">#REF!</definedName>
    <definedName name="物件費名称_3">#REF!</definedName>
    <definedName name="物件費名称_30">#REF!</definedName>
    <definedName name="物件費名称_31">#REF!</definedName>
    <definedName name="物件費名称_32">#REF!</definedName>
    <definedName name="物件費名称_33">#REF!</definedName>
    <definedName name="物件費名称_34">#REF!</definedName>
    <definedName name="物件費名称_35">#REF!</definedName>
    <definedName name="物件費名称_36">#REF!</definedName>
    <definedName name="物件費名称_37">#REF!</definedName>
    <definedName name="物件費名称_38">#REF!</definedName>
    <definedName name="物件費名称_39">#REF!</definedName>
    <definedName name="物件費名称_4">#REF!</definedName>
    <definedName name="物件費名称_40">#REF!</definedName>
    <definedName name="物件費名称_41">#REF!</definedName>
    <definedName name="物件費名称_42">#REF!</definedName>
    <definedName name="物件費名称_43">#REF!</definedName>
    <definedName name="物件費名称_44">#REF!</definedName>
    <definedName name="物件費名称_45">#REF!</definedName>
    <definedName name="物件費名称_46">#REF!</definedName>
    <definedName name="物件費名称_5">#REF!</definedName>
    <definedName name="物件費名称_6">#REF!</definedName>
    <definedName name="物件費名称_7">#REF!</definedName>
    <definedName name="物件費名称_8">#REF!</definedName>
    <definedName name="物件費名称_9">#REF!</definedName>
    <definedName name="予算">#REF!</definedName>
    <definedName name="予備費金額">#REF!</definedName>
    <definedName name="予備費税額">#REF!</definedName>
  </definedNames>
  <calcPr calcId="191029"/>
  <customWorkbookViews>
    <customWorkbookView name="藤谷　哲也 - 個人用ビュー" guid="{63E72C4B-0425-427F-B021-595A878B0101}" mergeInterval="0" personalView="1" maximized="1" xWindow="-8" yWindow="-8" windowWidth="1382" windowHeight="744" tabRatio="812" activeSheetId="1"/>
    <customWorkbookView name="能仁　智勇 - 個人用ビュー" guid="{6329FFE8-6DD9-4CA2-A1F7-77D00E241677}" mergeInterval="0" personalView="1" maximized="1" xWindow="-8" yWindow="-8" windowWidth="1382" windowHeight="744" tabRatio="812" activeSheetId="1" showComments="commIndAndComment"/>
    <customWorkbookView name="妹尾　千里 - 個人用ビュー" guid="{A00F1F41-5C8C-4DE8-97E4-6B58F18DB308}" mergeInterval="0" personalView="1" maximized="1" xWindow="-8" yWindow="-8" windowWidth="1382" windowHeight="744" tabRatio="812" activeSheetId="1" showComments="commIndAndComment"/>
    <customWorkbookView name="廣政　隆幸 - 個人用ビュー" guid="{804A3210-FB6A-47F8-B706-2CEA455FFE8B}" mergeInterval="0" personalView="1" maximized="1" xWindow="-8" yWindow="-8" windowWidth="1382" windowHeight="744" tabRatio="812" activeSheetId="1"/>
    <customWorkbookView name="濱口　風人 - 個人用ビュー" guid="{A3816552-7586-41A0-81AD-96B9D8D12CD9}" mergeInterval="0" personalView="1" maximized="1" xWindow="-8" yWindow="-8" windowWidth="1382" windowHeight="744" tabRatio="812" activeSheetId="1"/>
    <customWorkbookView name="根来　恵里佳 - 個人用ビュー" guid="{E2396B35-1320-48E2-9011-409EDE41810B}" mergeInterval="0" personalView="1" maximized="1" xWindow="-8" yWindow="-8" windowWidth="1382" windowHeight="744" tabRatio="812" activeSheetId="1"/>
    <customWorkbookView name="柳澤　愛佑子 - 個人用ビュー" guid="{67821D83-BC16-4D0F-BC94-FCEF3D82A48E}" mergeInterval="0" personalView="1" maximized="1" xWindow="-8" yWindow="-8" windowWidth="1382" windowHeight="744" tabRatio="812" activeSheetId="1" showComments="commIndAndComment"/>
    <customWorkbookView name="永岡　太基 - 個人用ビュー" guid="{6429B997-388E-4C1B-91D1-023C7D699B0E}" mergeInterval="0" personalView="1" maximized="1" xWindow="-8" yWindow="-8" windowWidth="1382" windowHeight="744" tabRatio="812" activeSheetId="1"/>
    <customWorkbookView name="川野上　雄大 - 個人用ビュー" guid="{ABF5A6EC-4A37-4B5F-B682-6DE759B4D695}" mergeInterval="0" personalView="1" maximized="1" xWindow="-8" yWindow="-8" windowWidth="1382" windowHeight="744" tabRatio="812" activeSheetId="1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X234" i="1" l="1"/>
  <c r="X235" i="1"/>
</calcChain>
</file>

<file path=xl/sharedStrings.xml><?xml version="1.0" encoding="utf-8"?>
<sst xmlns="http://schemas.openxmlformats.org/spreadsheetml/2006/main" count="627" uniqueCount="247"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4"/>
  </si>
  <si>
    <t>(単位：千円)</t>
    <phoneticPr fontId="4"/>
  </si>
  <si>
    <t>通し</t>
    <phoneticPr fontId="4"/>
  </si>
  <si>
    <t>番号</t>
    <phoneticPr fontId="4"/>
  </si>
  <si>
    <t>　　</t>
  </si>
  <si>
    <t>所属計</t>
    <rPh sb="0" eb="2">
      <t>ショゾク</t>
    </rPh>
    <phoneticPr fontId="4"/>
  </si>
  <si>
    <t>(款-項-目)</t>
    <rPh sb="1" eb="2">
      <t>カン</t>
    </rPh>
    <rPh sb="3" eb="4">
      <t>コウ</t>
    </rPh>
    <rPh sb="5" eb="6">
      <t>モク</t>
    </rPh>
    <phoneticPr fontId="4"/>
  </si>
  <si>
    <t>3-1-2</t>
  </si>
  <si>
    <t>増  減</t>
    <rPh sb="0" eb="1">
      <t>ゾウ</t>
    </rPh>
    <rPh sb="3" eb="4">
      <t>ゲン</t>
    </rPh>
    <phoneticPr fontId="4"/>
  </si>
  <si>
    <t>（② - ①）</t>
    <phoneticPr fontId="4"/>
  </si>
  <si>
    <t>事  業  名</t>
    <phoneticPr fontId="4"/>
  </si>
  <si>
    <t>備  考</t>
    <phoneticPr fontId="4"/>
  </si>
  <si>
    <t>科 目</t>
    <rPh sb="0" eb="1">
      <t>カ</t>
    </rPh>
    <rPh sb="2" eb="3">
      <t>メ</t>
    </rPh>
    <phoneticPr fontId="4"/>
  </si>
  <si>
    <t>担 当 課</t>
    <rPh sb="0" eb="1">
      <t>タン</t>
    </rPh>
    <rPh sb="2" eb="3">
      <t>トウ</t>
    </rPh>
    <rPh sb="4" eb="5">
      <t>カ</t>
    </rPh>
    <phoneticPr fontId="4"/>
  </si>
  <si>
    <t>当 初 ①</t>
    <phoneticPr fontId="4"/>
  </si>
  <si>
    <t>予算事業一覧</t>
    <rPh sb="4" eb="6">
      <t>イチラン</t>
    </rPh>
    <phoneticPr fontId="4"/>
  </si>
  <si>
    <t>会計名　　一般会計　　</t>
    <rPh sb="0" eb="2">
      <t>カイケイ</t>
    </rPh>
    <rPh sb="2" eb="3">
      <t>メイ</t>
    </rPh>
    <rPh sb="5" eb="7">
      <t>イッパン</t>
    </rPh>
    <rPh sb="7" eb="9">
      <t>カイケイ</t>
    </rPh>
    <phoneticPr fontId="4"/>
  </si>
  <si>
    <t>3-1-1</t>
  </si>
  <si>
    <t>総務課</t>
  </si>
  <si>
    <t>職員費計</t>
  </si>
  <si>
    <t>地域福祉課</t>
  </si>
  <si>
    <t>総務課　他</t>
  </si>
  <si>
    <t>経理・企画課</t>
    <rPh sb="0" eb="2">
      <t>ケイリ</t>
    </rPh>
    <rPh sb="3" eb="5">
      <t>キカク</t>
    </rPh>
    <phoneticPr fontId="5"/>
  </si>
  <si>
    <t>福祉システム課</t>
    <rPh sb="0" eb="2">
      <t>フクシ</t>
    </rPh>
    <phoneticPr fontId="5"/>
  </si>
  <si>
    <t>3-1-3</t>
  </si>
  <si>
    <t>保険年金課</t>
    <phoneticPr fontId="5"/>
  </si>
  <si>
    <t>保険年金課</t>
  </si>
  <si>
    <t>国民年金事務費計</t>
  </si>
  <si>
    <t>3-2-1</t>
  </si>
  <si>
    <t>障がい支援課　他</t>
  </si>
  <si>
    <t>障がい支援課</t>
  </si>
  <si>
    <t>障がい福祉課</t>
  </si>
  <si>
    <t>障がい福祉課　他</t>
  </si>
  <si>
    <t>障がい支援課</t>
    <rPh sb="3" eb="5">
      <t>シエン</t>
    </rPh>
    <phoneticPr fontId="5"/>
  </si>
  <si>
    <t>心身障がい者リハビリテーションセンター</t>
  </si>
  <si>
    <t>運営指導課</t>
  </si>
  <si>
    <t>障がい福祉課</t>
    <phoneticPr fontId="5"/>
  </si>
  <si>
    <t>障がい福祉課　他</t>
    <phoneticPr fontId="5"/>
  </si>
  <si>
    <t>障がい福祉課</t>
    <rPh sb="0" eb="1">
      <t>ショウ</t>
    </rPh>
    <rPh sb="3" eb="5">
      <t>フクシ</t>
    </rPh>
    <rPh sb="5" eb="6">
      <t>カ</t>
    </rPh>
    <phoneticPr fontId="5"/>
  </si>
  <si>
    <t>福祉システム課</t>
    <rPh sb="0" eb="2">
      <t>フクシ</t>
    </rPh>
    <rPh sb="6" eb="7">
      <t>カ</t>
    </rPh>
    <phoneticPr fontId="0"/>
  </si>
  <si>
    <t>障がい者福祉費計</t>
  </si>
  <si>
    <t>3-2-2</t>
  </si>
  <si>
    <t>地域包括ケア推進課</t>
    <rPh sb="0" eb="4">
      <t>チイキホウカツ</t>
    </rPh>
    <rPh sb="6" eb="9">
      <t>スイシンカ</t>
    </rPh>
    <phoneticPr fontId="5"/>
  </si>
  <si>
    <t>介護保険課</t>
  </si>
  <si>
    <t>高齢福祉課</t>
  </si>
  <si>
    <t>高齢福祉課</t>
    <phoneticPr fontId="5"/>
  </si>
  <si>
    <t>高齢施設課</t>
  </si>
  <si>
    <t>高齢施設課</t>
    <phoneticPr fontId="5"/>
  </si>
  <si>
    <t>高齢福祉課　他</t>
  </si>
  <si>
    <t>介護保険課</t>
    <rPh sb="0" eb="2">
      <t>カイゴ</t>
    </rPh>
    <rPh sb="2" eb="4">
      <t>ホケン</t>
    </rPh>
    <phoneticPr fontId="5"/>
  </si>
  <si>
    <t>福祉システム課</t>
    <rPh sb="0" eb="2">
      <t>フクシ</t>
    </rPh>
    <rPh sb="6" eb="7">
      <t>カ</t>
    </rPh>
    <phoneticPr fontId="5"/>
  </si>
  <si>
    <t>福祉システム課</t>
    <phoneticPr fontId="5"/>
  </si>
  <si>
    <t>3-2-3</t>
  </si>
  <si>
    <t>自立支援課</t>
  </si>
  <si>
    <t>3-2-3</t>
    <phoneticPr fontId="5"/>
  </si>
  <si>
    <t>生活困窮者自立支援費計</t>
    <phoneticPr fontId="5"/>
  </si>
  <si>
    <t>3-2-4</t>
  </si>
  <si>
    <t>環境改善費計</t>
  </si>
  <si>
    <t>3-2-5</t>
  </si>
  <si>
    <t>保護課</t>
  </si>
  <si>
    <t>経理・企画課</t>
  </si>
  <si>
    <t>3-3-1</t>
  </si>
  <si>
    <t>保護課　他</t>
  </si>
  <si>
    <t>保護課</t>
    <phoneticPr fontId="5"/>
  </si>
  <si>
    <t>福祉システム課　他</t>
    <rPh sb="0" eb="2">
      <t>フクシ</t>
    </rPh>
    <rPh sb="6" eb="7">
      <t>カ</t>
    </rPh>
    <rPh sb="8" eb="9">
      <t>ホカ</t>
    </rPh>
    <phoneticPr fontId="0"/>
  </si>
  <si>
    <t>3-3-2</t>
  </si>
  <si>
    <t>3-4-1</t>
  </si>
  <si>
    <t>弘済院管理課</t>
  </si>
  <si>
    <t>3-4-2</t>
  </si>
  <si>
    <t>3-4-3</t>
  </si>
  <si>
    <t>15-3-1</t>
  </si>
  <si>
    <t>15-4-1</t>
  </si>
  <si>
    <t>15-5-1</t>
  </si>
  <si>
    <t>15-6-1</t>
  </si>
  <si>
    <t>区ＣＭ</t>
  </si>
  <si>
    <t>　　</t>
    <phoneticPr fontId="5"/>
  </si>
  <si>
    <t/>
  </si>
  <si>
    <t>福祉局及び区役所職員の人件費</t>
    <phoneticPr fontId="5"/>
  </si>
  <si>
    <t>地域福祉推進事業</t>
    <phoneticPr fontId="5"/>
  </si>
  <si>
    <t>総合的な相談支援体制の充実事業</t>
    <phoneticPr fontId="5"/>
  </si>
  <si>
    <t>地域福祉活動支援事業</t>
    <phoneticPr fontId="5"/>
  </si>
  <si>
    <t>地域における要援護者の見守りネットワーク強化事業</t>
    <phoneticPr fontId="5"/>
  </si>
  <si>
    <t>権利擁護相談支援事業</t>
    <phoneticPr fontId="5"/>
  </si>
  <si>
    <t>民生委員活動事業</t>
    <phoneticPr fontId="5"/>
  </si>
  <si>
    <t>緊急援護資金貸付事業</t>
    <phoneticPr fontId="5"/>
  </si>
  <si>
    <t>「ごみ屋敷」課題解決推進事業</t>
    <phoneticPr fontId="5"/>
  </si>
  <si>
    <t>福祉事務関係職員研修等事務費</t>
    <phoneticPr fontId="5"/>
  </si>
  <si>
    <t>福祉局運営費</t>
    <phoneticPr fontId="5"/>
  </si>
  <si>
    <t>市有ブロック塀等の安全対策</t>
    <phoneticPr fontId="5"/>
  </si>
  <si>
    <t>総合福祉(福祉五法)システム運用・保守等経費</t>
    <phoneticPr fontId="5"/>
  </si>
  <si>
    <t>国民年金事務費</t>
    <phoneticPr fontId="5"/>
  </si>
  <si>
    <t>保険年金システム運用・保守等経費</t>
    <phoneticPr fontId="5"/>
  </si>
  <si>
    <t>保険年金システム改修等経費</t>
    <phoneticPr fontId="5"/>
  </si>
  <si>
    <t>自立支援給付</t>
    <phoneticPr fontId="5"/>
  </si>
  <si>
    <t>障がい児給付</t>
    <phoneticPr fontId="5"/>
  </si>
  <si>
    <t>地域生活支援事業</t>
    <phoneticPr fontId="5"/>
  </si>
  <si>
    <t>重度障がい者医療費助成</t>
    <phoneticPr fontId="5"/>
  </si>
  <si>
    <t>障がい児措置費</t>
    <phoneticPr fontId="5"/>
  </si>
  <si>
    <t>法外援護費</t>
    <phoneticPr fontId="5"/>
  </si>
  <si>
    <t>障がい者リハビリテーション促進事業</t>
    <phoneticPr fontId="5"/>
  </si>
  <si>
    <t>重症心身障がい者施設通所助成</t>
    <phoneticPr fontId="5"/>
  </si>
  <si>
    <t>障がい者訓練等通所交通費</t>
    <phoneticPr fontId="5"/>
  </si>
  <si>
    <t>難聴児補聴器給付事業</t>
    <phoneticPr fontId="5"/>
  </si>
  <si>
    <t>医療的ケアを必要とする重症心身障がい児者等支援事業</t>
    <phoneticPr fontId="5"/>
  </si>
  <si>
    <t>障がい児者歯科診療事業</t>
    <phoneticPr fontId="5"/>
  </si>
  <si>
    <t>障がい者在宅支援事業</t>
    <phoneticPr fontId="5"/>
  </si>
  <si>
    <t>発達障がい者支援事業</t>
    <phoneticPr fontId="5"/>
  </si>
  <si>
    <t>障がい者就業支援事業</t>
    <phoneticPr fontId="5"/>
  </si>
  <si>
    <t>身体・知的障がい者等の地下鉄等乗車料金福祉措置</t>
    <phoneticPr fontId="5"/>
  </si>
  <si>
    <t>障がい者活動等推進事業</t>
    <phoneticPr fontId="5"/>
  </si>
  <si>
    <t>障がい者スポーツセンター等運営費</t>
    <phoneticPr fontId="5"/>
  </si>
  <si>
    <t>点字図書館運営費</t>
    <phoneticPr fontId="5"/>
  </si>
  <si>
    <t>早川福祉会館運営費</t>
    <phoneticPr fontId="5"/>
  </si>
  <si>
    <t>敷津浦学園運営費</t>
    <phoneticPr fontId="5"/>
  </si>
  <si>
    <t>障がい者相談員設置事業</t>
    <phoneticPr fontId="5"/>
  </si>
  <si>
    <t>障がい者健康診査事業</t>
    <phoneticPr fontId="5"/>
  </si>
  <si>
    <t>リハビリテーションセンター運営費</t>
    <phoneticPr fontId="5"/>
  </si>
  <si>
    <t>リハビリテーションセンター整備事業</t>
    <phoneticPr fontId="5"/>
  </si>
  <si>
    <t>障がい福祉サービス事業者等指定・指導業務</t>
    <phoneticPr fontId="5"/>
  </si>
  <si>
    <t>障がい支援区分認定事務費</t>
    <phoneticPr fontId="5"/>
  </si>
  <si>
    <t>障がい者差別解消の推進</t>
    <phoneticPr fontId="5"/>
  </si>
  <si>
    <t>強度行動障がい者のグループホーム移行促進事業</t>
    <phoneticPr fontId="5"/>
  </si>
  <si>
    <t>障がい者福祉関係事務費</t>
    <phoneticPr fontId="5"/>
  </si>
  <si>
    <t>障がい者グループホーム整備助成</t>
    <phoneticPr fontId="5"/>
  </si>
  <si>
    <t>鉄道駅舎エレベーター等設置補助</t>
    <phoneticPr fontId="5"/>
  </si>
  <si>
    <t>障がい福祉サービス継続支援事業補助</t>
    <phoneticPr fontId="5"/>
  </si>
  <si>
    <t>障がい者支援施設等の個室化改修等支援事業補助</t>
    <phoneticPr fontId="5"/>
  </si>
  <si>
    <t>障がい福祉分野のロボット等導入支援事業補助</t>
    <phoneticPr fontId="5"/>
  </si>
  <si>
    <t>総合福祉(福祉五法)システム改修等経費</t>
    <phoneticPr fontId="5"/>
  </si>
  <si>
    <t>後期高齢者医療事業負担金</t>
    <phoneticPr fontId="5"/>
  </si>
  <si>
    <t>認知症高齢者支援事業</t>
    <phoneticPr fontId="5"/>
  </si>
  <si>
    <t>認知症対策普及・相談・支援事業</t>
    <phoneticPr fontId="5"/>
  </si>
  <si>
    <t>社会福祉研修・情報センター運営費</t>
    <phoneticPr fontId="5"/>
  </si>
  <si>
    <t>高齢者在宅支援事業</t>
    <phoneticPr fontId="5"/>
  </si>
  <si>
    <t>低所得者利用者負担対策事業</t>
    <phoneticPr fontId="5"/>
  </si>
  <si>
    <t>暫定サービス利用者等にかかる介護支援事業</t>
    <phoneticPr fontId="5"/>
  </si>
  <si>
    <t>老人保護措置費</t>
    <phoneticPr fontId="5"/>
  </si>
  <si>
    <t>生活支援ハウス運営費</t>
    <phoneticPr fontId="5"/>
  </si>
  <si>
    <t>日常生活支援費</t>
    <phoneticPr fontId="5"/>
  </si>
  <si>
    <t>軽費老人ホームサービス提供費補助</t>
    <phoneticPr fontId="5"/>
  </si>
  <si>
    <t>特別養護老人ホーム建設助成</t>
    <phoneticPr fontId="5"/>
  </si>
  <si>
    <t>小規模多機能型居宅介護拠点等整備助成</t>
    <phoneticPr fontId="5"/>
  </si>
  <si>
    <t>施設開設準備経費等支援事業</t>
    <phoneticPr fontId="5"/>
  </si>
  <si>
    <t>介護医療院転換整備助成</t>
    <phoneticPr fontId="5"/>
  </si>
  <si>
    <t>介護施設等の看取り環境整備助成</t>
    <phoneticPr fontId="5"/>
  </si>
  <si>
    <t>介護職員の宿舎施設整備助成</t>
    <phoneticPr fontId="5"/>
  </si>
  <si>
    <t>地域介護・福祉空間整備等施設整備事業</t>
    <phoneticPr fontId="5"/>
  </si>
  <si>
    <t>老人福祉センター運営費</t>
    <phoneticPr fontId="5"/>
  </si>
  <si>
    <t>老人クラブ事業</t>
    <phoneticPr fontId="5"/>
  </si>
  <si>
    <t>敬老優待乗車証交付事業</t>
    <phoneticPr fontId="5"/>
  </si>
  <si>
    <t>高齢者入浴利用料割引事業</t>
    <phoneticPr fontId="5"/>
  </si>
  <si>
    <t>高齢者福祉月間事業</t>
    <phoneticPr fontId="5"/>
  </si>
  <si>
    <t>全国健康福祉祭選手団派遣事業</t>
    <phoneticPr fontId="5"/>
  </si>
  <si>
    <t>高年齢者就業機会確保事業</t>
    <phoneticPr fontId="5"/>
  </si>
  <si>
    <t>老人福祉関係事務費</t>
    <phoneticPr fontId="5"/>
  </si>
  <si>
    <t>老人医療費助成</t>
    <phoneticPr fontId="5"/>
  </si>
  <si>
    <t>介護サービス継続支援事業補助</t>
    <phoneticPr fontId="5"/>
  </si>
  <si>
    <t>介護施設等の個室化改修支援事業補助</t>
    <phoneticPr fontId="5"/>
  </si>
  <si>
    <t>介護施設等における簡易陰圧装置設置事業補助</t>
    <phoneticPr fontId="5"/>
  </si>
  <si>
    <t>介護施設等におけるゾーニング環境等の整備事業補助</t>
    <phoneticPr fontId="5"/>
  </si>
  <si>
    <t>生活困窮者自立支援事業</t>
    <phoneticPr fontId="5"/>
  </si>
  <si>
    <t>生活ケアセンター事業</t>
    <phoneticPr fontId="5"/>
  </si>
  <si>
    <t>自立支援センターの管理運営</t>
    <phoneticPr fontId="5"/>
  </si>
  <si>
    <t>ホームレス巡回相談事業</t>
    <phoneticPr fontId="5"/>
  </si>
  <si>
    <t>生活困窮者自立支援事業関係事務費</t>
    <phoneticPr fontId="5"/>
  </si>
  <si>
    <t>あいりん日雇労働者等自立支援事業</t>
    <phoneticPr fontId="5"/>
  </si>
  <si>
    <t>大阪社会医療センター無料低額診療等事業補助金</t>
    <phoneticPr fontId="5"/>
  </si>
  <si>
    <t>大阪社会医療センター建替整備</t>
    <phoneticPr fontId="5"/>
  </si>
  <si>
    <t>環境改善関係事務費</t>
    <phoneticPr fontId="5"/>
  </si>
  <si>
    <t>中国残留邦人等に対する支援事業</t>
    <phoneticPr fontId="5"/>
  </si>
  <si>
    <t>社会福祉センター運営費</t>
    <phoneticPr fontId="5"/>
  </si>
  <si>
    <t>戦没者遺族等援護対策事業</t>
    <phoneticPr fontId="5"/>
  </si>
  <si>
    <t>行旅死病人取扱費</t>
    <phoneticPr fontId="5"/>
  </si>
  <si>
    <t>生活保護適正化推進等事業の実施</t>
    <phoneticPr fontId="5"/>
  </si>
  <si>
    <t>ケースワーク業務の充実・強化</t>
    <phoneticPr fontId="5"/>
  </si>
  <si>
    <t>生活保護受給者等への就労自立支援</t>
    <phoneticPr fontId="5"/>
  </si>
  <si>
    <t>生活保護関係事務費・運営費</t>
    <phoneticPr fontId="5"/>
  </si>
  <si>
    <t>医療扶助等運営費</t>
    <phoneticPr fontId="5"/>
  </si>
  <si>
    <t>生活保護施設運営費</t>
    <phoneticPr fontId="5"/>
  </si>
  <si>
    <t>保護施設の衛生管理体制確保支援等事業補助</t>
    <phoneticPr fontId="5"/>
  </si>
  <si>
    <t>総合福祉(生活保護)システム運用・保守等経費</t>
    <phoneticPr fontId="5"/>
  </si>
  <si>
    <t>総合福祉(生活保護)システム改修等経費</t>
    <phoneticPr fontId="5"/>
  </si>
  <si>
    <t>生活保護費</t>
    <phoneticPr fontId="5"/>
  </si>
  <si>
    <t>就労自立給付金</t>
    <phoneticPr fontId="5"/>
  </si>
  <si>
    <t>進学準備給付金</t>
    <phoneticPr fontId="5"/>
  </si>
  <si>
    <t>弘済院内施設管理費</t>
    <phoneticPr fontId="5"/>
  </si>
  <si>
    <t>弘済院第２特別養護老人ホーム運営費</t>
    <phoneticPr fontId="5"/>
  </si>
  <si>
    <t>弘済院附属病院運営費</t>
    <phoneticPr fontId="5"/>
  </si>
  <si>
    <t>国民健康保険事業会計繰出金</t>
    <phoneticPr fontId="5"/>
  </si>
  <si>
    <t>心身障害者扶養共済事業会計繰出金</t>
    <phoneticPr fontId="5"/>
  </si>
  <si>
    <t>介護保険事業会計繰出金</t>
    <phoneticPr fontId="5"/>
  </si>
  <si>
    <t>後期高齢者医療事業会計繰出金</t>
    <phoneticPr fontId="5"/>
  </si>
  <si>
    <t>社会福祉振興基金積立金</t>
    <phoneticPr fontId="5"/>
  </si>
  <si>
    <t>社会福祉施設職員福利厚生基金積立金</t>
    <phoneticPr fontId="5"/>
  </si>
  <si>
    <t>渡邊心身障害者福祉基金積立金</t>
    <phoneticPr fontId="5"/>
  </si>
  <si>
    <t>福祉総務費計</t>
    <phoneticPr fontId="5"/>
  </si>
  <si>
    <t>弘済院総務費計</t>
    <phoneticPr fontId="5"/>
  </si>
  <si>
    <t>所属名　福祉局　</t>
    <rPh sb="0" eb="2">
      <t>ショゾク</t>
    </rPh>
    <rPh sb="2" eb="3">
      <t>メイ</t>
    </rPh>
    <rPh sb="4" eb="6">
      <t>フクシ</t>
    </rPh>
    <rPh sb="6" eb="7">
      <t>キョク</t>
    </rPh>
    <phoneticPr fontId="4"/>
  </si>
  <si>
    <t>老人福祉費計</t>
    <phoneticPr fontId="5"/>
  </si>
  <si>
    <t>障がい福祉分野のＩＣＴ導入モデル事業補助</t>
    <phoneticPr fontId="5"/>
  </si>
  <si>
    <t>新型コロナウイルス感染症生活困窮者自立支援金支給事業</t>
    <rPh sb="22" eb="26">
      <t>シキュウジギョウ</t>
    </rPh>
    <phoneticPr fontId="5"/>
  </si>
  <si>
    <t>多床室のプライバシー確保事業</t>
    <phoneticPr fontId="5"/>
  </si>
  <si>
    <t>其他福祉費計</t>
    <phoneticPr fontId="5"/>
  </si>
  <si>
    <t>生活保護費計</t>
    <phoneticPr fontId="5"/>
  </si>
  <si>
    <t>扶助費計</t>
    <phoneticPr fontId="5"/>
  </si>
  <si>
    <t>老人福祉施設費計</t>
    <phoneticPr fontId="5"/>
  </si>
  <si>
    <t>医療施設費計</t>
    <phoneticPr fontId="5"/>
  </si>
  <si>
    <t>　　</t>
    <phoneticPr fontId="5"/>
  </si>
  <si>
    <t>公衆浴場衛生向上等事業補助</t>
    <phoneticPr fontId="5"/>
  </si>
  <si>
    <t>標準準拠システム移行経費(総合福祉システム)</t>
    <phoneticPr fontId="5"/>
  </si>
  <si>
    <t>標準準拠システム移行経費(保険年金システム)</t>
    <phoneticPr fontId="5"/>
  </si>
  <si>
    <t>4 年 度</t>
    <phoneticPr fontId="4"/>
  </si>
  <si>
    <t>5 年 度</t>
    <rPh sb="2" eb="3">
      <t>ネン</t>
    </rPh>
    <rPh sb="4" eb="5">
      <t>ド</t>
    </rPh>
    <phoneticPr fontId="5"/>
  </si>
  <si>
    <t>福祉システム課</t>
    <rPh sb="0" eb="2">
      <t>フクシ</t>
    </rPh>
    <phoneticPr fontId="0"/>
  </si>
  <si>
    <t>保険年金課　他</t>
    <rPh sb="0" eb="5">
      <t>ホケンネンキンカ</t>
    </rPh>
    <rPh sb="6" eb="7">
      <t>ホカ</t>
    </rPh>
    <phoneticPr fontId="0"/>
  </si>
  <si>
    <t>介護施設等の創設を条件に行う広域型施設の大規模修繕・耐震化整備助成</t>
    <rPh sb="0" eb="2">
      <t>カイゴ</t>
    </rPh>
    <rPh sb="2" eb="5">
      <t>シセツトウ</t>
    </rPh>
    <rPh sb="6" eb="8">
      <t>ソウセツ</t>
    </rPh>
    <rPh sb="9" eb="11">
      <t>ジョウケン</t>
    </rPh>
    <rPh sb="12" eb="13">
      <t>オコナ</t>
    </rPh>
    <rPh sb="14" eb="17">
      <t>コウイキガタ</t>
    </rPh>
    <rPh sb="17" eb="19">
      <t>シセツ</t>
    </rPh>
    <rPh sb="20" eb="23">
      <t>ダイキボ</t>
    </rPh>
    <rPh sb="23" eb="25">
      <t>シュウゼン</t>
    </rPh>
    <rPh sb="26" eb="29">
      <t>タイシンカ</t>
    </rPh>
    <rPh sb="29" eb="33">
      <t>セイビジョセイ</t>
    </rPh>
    <phoneticPr fontId="5"/>
  </si>
  <si>
    <t>心身障がい者リハビリテーションセンター</t>
    <phoneticPr fontId="5"/>
  </si>
  <si>
    <t>障がい支援課</t>
    <rPh sb="0" eb="1">
      <t>ショウ</t>
    </rPh>
    <rPh sb="3" eb="6">
      <t>シエンカ</t>
    </rPh>
    <phoneticPr fontId="5"/>
  </si>
  <si>
    <t>障がい福祉施設整備費補助事業</t>
    <rPh sb="0" eb="1">
      <t>ショウ</t>
    </rPh>
    <rPh sb="3" eb="5">
      <t>フクシ</t>
    </rPh>
    <rPh sb="5" eb="7">
      <t>シセツ</t>
    </rPh>
    <rPh sb="7" eb="9">
      <t>セイビ</t>
    </rPh>
    <rPh sb="9" eb="10">
      <t>ヒ</t>
    </rPh>
    <rPh sb="10" eb="14">
      <t>ホジョジギョウ</t>
    </rPh>
    <phoneticPr fontId="5"/>
  </si>
  <si>
    <t>社会福祉連携推進法人設立支援補助</t>
    <rPh sb="0" eb="2">
      <t>シャカイ</t>
    </rPh>
    <rPh sb="2" eb="4">
      <t>フクシ</t>
    </rPh>
    <rPh sb="4" eb="6">
      <t>レンケイ</t>
    </rPh>
    <rPh sb="6" eb="8">
      <t>スイシン</t>
    </rPh>
    <rPh sb="8" eb="10">
      <t>ホウジン</t>
    </rPh>
    <rPh sb="10" eb="12">
      <t>セツリツ</t>
    </rPh>
    <rPh sb="12" eb="14">
      <t>シエン</t>
    </rPh>
    <rPh sb="14" eb="16">
      <t>ホジョ</t>
    </rPh>
    <phoneticPr fontId="5"/>
  </si>
  <si>
    <t>総務課</t>
    <phoneticPr fontId="5"/>
  </si>
  <si>
    <t>国庫支出金等の還付金</t>
    <rPh sb="0" eb="2">
      <t>コッコ</t>
    </rPh>
    <rPh sb="2" eb="5">
      <t>シシュツキン</t>
    </rPh>
    <rPh sb="5" eb="6">
      <t>トウ</t>
    </rPh>
    <rPh sb="7" eb="10">
      <t>カンプキン</t>
    </rPh>
    <phoneticPr fontId="5"/>
  </si>
  <si>
    <t>高齢福祉課　他</t>
    <rPh sb="0" eb="5">
      <t>コウレイフクシカ</t>
    </rPh>
    <phoneticPr fontId="5"/>
  </si>
  <si>
    <t>国庫支出金等の還付金</t>
    <rPh sb="0" eb="2">
      <t>コッコ</t>
    </rPh>
    <rPh sb="2" eb="6">
      <t>シシュツキントウ</t>
    </rPh>
    <rPh sb="7" eb="10">
      <t>カンプキン</t>
    </rPh>
    <phoneticPr fontId="5"/>
  </si>
  <si>
    <t>自立支援課　他</t>
    <rPh sb="6" eb="7">
      <t>ホカ</t>
    </rPh>
    <phoneticPr fontId="0"/>
  </si>
  <si>
    <t>国庫支出金等の還付金</t>
    <rPh sb="0" eb="5">
      <t>コッコシシュツキン</t>
    </rPh>
    <rPh sb="5" eb="6">
      <t>トウ</t>
    </rPh>
    <rPh sb="7" eb="10">
      <t>カンプキン</t>
    </rPh>
    <phoneticPr fontId="5"/>
  </si>
  <si>
    <t>保護課　他</t>
    <rPh sb="4" eb="5">
      <t>ホカ</t>
    </rPh>
    <phoneticPr fontId="5"/>
  </si>
  <si>
    <t>保護課</t>
    <phoneticPr fontId="5"/>
  </si>
  <si>
    <t>3-1-4</t>
    <phoneticPr fontId="5"/>
  </si>
  <si>
    <t>3-2-6</t>
    <phoneticPr fontId="5"/>
  </si>
  <si>
    <t>3-2-7</t>
    <phoneticPr fontId="5"/>
  </si>
  <si>
    <t>社会福祉施設職員福利厚生基金積立金計</t>
    <rPh sb="0" eb="6">
      <t>シャカイフクシシセツ</t>
    </rPh>
    <rPh sb="6" eb="12">
      <t>ショクインフクリコウセイ</t>
    </rPh>
    <rPh sb="12" eb="14">
      <t>キキン</t>
    </rPh>
    <rPh sb="14" eb="15">
      <t>ツ</t>
    </rPh>
    <rPh sb="15" eb="16">
      <t>タ</t>
    </rPh>
    <rPh sb="16" eb="17">
      <t>キン</t>
    </rPh>
    <rPh sb="17" eb="18">
      <t>ケイ</t>
    </rPh>
    <phoneticPr fontId="5"/>
  </si>
  <si>
    <t>渡邊心身障害者福祉基金積立金計</t>
    <rPh sb="0" eb="2">
      <t>ワタナベ</t>
    </rPh>
    <rPh sb="2" eb="4">
      <t>シンシン</t>
    </rPh>
    <rPh sb="4" eb="7">
      <t>ショウガイシャ</t>
    </rPh>
    <rPh sb="7" eb="9">
      <t>フクシ</t>
    </rPh>
    <rPh sb="9" eb="11">
      <t>キキン</t>
    </rPh>
    <rPh sb="11" eb="14">
      <t>ツミタテキン</t>
    </rPh>
    <phoneticPr fontId="5"/>
  </si>
  <si>
    <t>社会福祉振興基金積立金計</t>
    <rPh sb="0" eb="2">
      <t>シャカイ</t>
    </rPh>
    <rPh sb="2" eb="4">
      <t>フクシ</t>
    </rPh>
    <rPh sb="4" eb="6">
      <t>シンコウ</t>
    </rPh>
    <rPh sb="6" eb="8">
      <t>キキン</t>
    </rPh>
    <rPh sb="8" eb="10">
      <t>ツミタテ</t>
    </rPh>
    <rPh sb="10" eb="11">
      <t>キン</t>
    </rPh>
    <rPh sb="11" eb="12">
      <t>ケイ</t>
    </rPh>
    <phoneticPr fontId="5"/>
  </si>
  <si>
    <t>長居障がい者スポーツセンター建替整備</t>
    <rPh sb="16" eb="18">
      <t>セイビ</t>
    </rPh>
    <phoneticPr fontId="5"/>
  </si>
  <si>
    <t>3-4-3</t>
    <phoneticPr fontId="5"/>
  </si>
  <si>
    <t>国庫支出金の還付金</t>
    <rPh sb="0" eb="2">
      <t>コッコ</t>
    </rPh>
    <rPh sb="2" eb="5">
      <t>シシュツキン</t>
    </rPh>
    <rPh sb="6" eb="9">
      <t>カンプキン</t>
    </rPh>
    <phoneticPr fontId="5"/>
  </si>
  <si>
    <t>保護課</t>
    <rPh sb="0" eb="3">
      <t>ホゴカ</t>
    </rPh>
    <phoneticPr fontId="0"/>
  </si>
  <si>
    <t>国庫支出金の還付金</t>
    <rPh sb="0" eb="5">
      <t>コッコシシュツキン</t>
    </rPh>
    <rPh sb="6" eb="9">
      <t>カンプキン</t>
    </rPh>
    <phoneticPr fontId="5"/>
  </si>
  <si>
    <t>診療費等の還付金</t>
    <rPh sb="0" eb="2">
      <t>シンリョウ</t>
    </rPh>
    <rPh sb="2" eb="3">
      <t>ヒ</t>
    </rPh>
    <rPh sb="3" eb="4">
      <t>トウ</t>
    </rPh>
    <rPh sb="5" eb="8">
      <t>カンプキン</t>
    </rPh>
    <phoneticPr fontId="5"/>
  </si>
  <si>
    <t>予 算 案 ②</t>
  </si>
  <si>
    <t>保護施設の個室化改修等支援事業補助</t>
    <phoneticPr fontId="5"/>
  </si>
  <si>
    <t>弘済院の認知症医療・介護機能を継承・発展させる新施設の整備</t>
    <rPh sb="0" eb="1">
      <t>コウ</t>
    </rPh>
    <rPh sb="1" eb="2">
      <t>スミ</t>
    </rPh>
    <rPh sb="2" eb="3">
      <t>イン</t>
    </rPh>
    <rPh sb="4" eb="7">
      <t>ニンチショウ</t>
    </rPh>
    <rPh sb="7" eb="9">
      <t>イリョウ</t>
    </rPh>
    <rPh sb="10" eb="12">
      <t>カイゴ</t>
    </rPh>
    <rPh sb="12" eb="14">
      <t>キノウ</t>
    </rPh>
    <rPh sb="15" eb="17">
      <t>ケイショウ</t>
    </rPh>
    <rPh sb="18" eb="20">
      <t>ハッテン</t>
    </rPh>
    <rPh sb="23" eb="24">
      <t>シン</t>
    </rPh>
    <rPh sb="24" eb="26">
      <t>シセツ</t>
    </rPh>
    <rPh sb="27" eb="29">
      <t>セイビ</t>
    </rPh>
    <phoneticPr fontId="5"/>
  </si>
  <si>
    <t>国民健康保険事業会計繰出金計</t>
    <rPh sb="10" eb="11">
      <t>ク</t>
    </rPh>
    <rPh sb="11" eb="12">
      <t>ダ</t>
    </rPh>
    <rPh sb="12" eb="13">
      <t>キン</t>
    </rPh>
    <phoneticPr fontId="5"/>
  </si>
  <si>
    <t>心身障害者扶養共済事業会計繰出金計</t>
    <phoneticPr fontId="5"/>
  </si>
  <si>
    <t>介護保険事業会計繰出金計</t>
    <phoneticPr fontId="5"/>
  </si>
  <si>
    <t>後期高齢者医療事業会計繰出金計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0_ "/>
    <numFmt numFmtId="177" formatCode="#,##0;&quot;△ &quot;#,##0"/>
    <numFmt numFmtId="178" formatCode="\(#,##0\);\(&quot;△ &quot;#,##0\)"/>
    <numFmt numFmtId="179" formatCode="\(#,##0\)"/>
  </numFmts>
  <fonts count="19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  <font>
      <sz val="10.5"/>
      <color theme="1"/>
      <name val="ＭＳ Ｐゴシック"/>
      <family val="3"/>
      <charset val="128"/>
      <scheme val="minor"/>
    </font>
    <font>
      <sz val="10.5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u/>
      <sz val="10.5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u/>
      <sz val="11"/>
      <color theme="10"/>
      <name val="ＭＳ Ｐ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0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1">
    <xf numFmtId="0" fontId="0" fillId="0" borderId="0"/>
    <xf numFmtId="38" fontId="6" fillId="0" borderId="0" applyFont="0" applyFill="0" applyBorder="0" applyAlignment="0" applyProtection="0"/>
    <xf numFmtId="0" fontId="6" fillId="0" borderId="0"/>
    <xf numFmtId="0" fontId="3" fillId="0" borderId="0"/>
    <xf numFmtId="0" fontId="6" fillId="0" borderId="0"/>
    <xf numFmtId="38" fontId="6" fillId="0" borderId="0" applyFont="0" applyFill="0" applyBorder="0" applyAlignment="0" applyProtection="0"/>
    <xf numFmtId="0" fontId="2" fillId="0" borderId="0">
      <alignment vertical="center"/>
    </xf>
    <xf numFmtId="0" fontId="7" fillId="0" borderId="0" applyNumberFormat="0" applyFill="0" applyBorder="0" applyAlignment="0" applyProtection="0"/>
    <xf numFmtId="38" fontId="6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8" fillId="0" borderId="0" applyNumberFormat="0" applyFill="0" applyBorder="0" applyAlignment="0" applyProtection="0">
      <alignment vertical="center"/>
    </xf>
  </cellStyleXfs>
  <cellXfs count="119">
    <xf numFmtId="0" fontId="0" fillId="0" borderId="0" xfId="0"/>
    <xf numFmtId="0" fontId="9" fillId="0" borderId="0" xfId="3" applyFont="1" applyAlignment="1">
      <alignment vertical="center"/>
    </xf>
    <xf numFmtId="0" fontId="9" fillId="0" borderId="0" xfId="3" applyFont="1" applyAlignment="1">
      <alignment horizontal="center" vertical="center"/>
    </xf>
    <xf numFmtId="38" fontId="16" fillId="0" borderId="0" xfId="8" applyFont="1" applyFill="1" applyAlignment="1">
      <alignment vertical="center"/>
    </xf>
    <xf numFmtId="38" fontId="8" fillId="0" borderId="0" xfId="8" applyFont="1" applyFill="1" applyAlignment="1">
      <alignment vertical="center"/>
    </xf>
    <xf numFmtId="38" fontId="8" fillId="0" borderId="0" xfId="8" applyFont="1" applyFill="1" applyAlignment="1">
      <alignment horizontal="right" vertical="center"/>
    </xf>
    <xf numFmtId="179" fontId="8" fillId="0" borderId="0" xfId="8" applyNumberFormat="1" applyFont="1" applyFill="1" applyAlignment="1">
      <alignment vertical="center"/>
    </xf>
    <xf numFmtId="38" fontId="8" fillId="0" borderId="0" xfId="8" applyFont="1" applyFill="1" applyAlignment="1">
      <alignment horizontal="center" vertical="center"/>
    </xf>
    <xf numFmtId="38" fontId="15" fillId="0" borderId="0" xfId="8" applyFont="1" applyFill="1" applyAlignment="1">
      <alignment vertical="center"/>
    </xf>
    <xf numFmtId="38" fontId="8" fillId="0" borderId="11" xfId="8" applyFont="1" applyFill="1" applyBorder="1" applyAlignment="1">
      <alignment vertical="center" shrinkToFit="1"/>
    </xf>
    <xf numFmtId="38" fontId="9" fillId="0" borderId="13" xfId="8" applyFont="1" applyFill="1" applyBorder="1" applyAlignment="1">
      <alignment vertical="center"/>
    </xf>
    <xf numFmtId="0" fontId="9" fillId="2" borderId="0" xfId="3" applyFont="1" applyFill="1" applyAlignment="1">
      <alignment vertical="center"/>
    </xf>
    <xf numFmtId="0" fontId="10" fillId="0" borderId="0" xfId="3" applyFont="1" applyAlignment="1">
      <alignment vertical="center"/>
    </xf>
    <xf numFmtId="0" fontId="10" fillId="0" borderId="0" xfId="3" applyFont="1" applyAlignment="1">
      <alignment horizontal="center" vertical="center" shrinkToFit="1"/>
    </xf>
    <xf numFmtId="0" fontId="11" fillId="0" borderId="0" xfId="3" applyFont="1" applyAlignment="1">
      <alignment vertical="center"/>
    </xf>
    <xf numFmtId="0" fontId="12" fillId="0" borderId="0" xfId="0" applyFont="1" applyAlignment="1">
      <alignment horizontal="right" vertical="center"/>
    </xf>
    <xf numFmtId="0" fontId="13" fillId="0" borderId="0" xfId="3" applyFont="1" applyAlignment="1">
      <alignment horizontal="left" vertical="center"/>
    </xf>
    <xf numFmtId="0" fontId="13" fillId="0" borderId="0" xfId="3" applyFont="1" applyAlignment="1">
      <alignment horizontal="right" vertical="center"/>
    </xf>
    <xf numFmtId="0" fontId="14" fillId="0" borderId="0" xfId="3" applyFont="1" applyAlignment="1">
      <alignment horizontal="right" vertical="center" wrapText="1"/>
    </xf>
    <xf numFmtId="0" fontId="14" fillId="0" borderId="0" xfId="3" applyFont="1" applyAlignment="1">
      <alignment horizontal="right" vertical="center"/>
    </xf>
    <xf numFmtId="0" fontId="10" fillId="0" borderId="6" xfId="3" applyFont="1" applyBorder="1" applyAlignment="1">
      <alignment horizontal="center" vertical="center"/>
    </xf>
    <xf numFmtId="0" fontId="10" fillId="0" borderId="7" xfId="3" applyFont="1" applyBorder="1" applyAlignment="1">
      <alignment horizontal="center" vertical="center"/>
    </xf>
    <xf numFmtId="0" fontId="10" fillId="0" borderId="8" xfId="3" applyFont="1" applyBorder="1" applyAlignment="1">
      <alignment horizontal="center" vertical="center"/>
    </xf>
    <xf numFmtId="0" fontId="10" fillId="0" borderId="9" xfId="3" applyFont="1" applyBorder="1" applyAlignment="1">
      <alignment horizontal="center" vertical="center"/>
    </xf>
    <xf numFmtId="0" fontId="10" fillId="0" borderId="5" xfId="3" applyFont="1" applyBorder="1" applyAlignment="1">
      <alignment horizontal="center" vertical="center"/>
    </xf>
    <xf numFmtId="0" fontId="10" fillId="0" borderId="10" xfId="3" applyFont="1" applyBorder="1" applyAlignment="1">
      <alignment horizontal="center" vertical="center"/>
    </xf>
    <xf numFmtId="177" fontId="8" fillId="0" borderId="11" xfId="3" applyNumberFormat="1" applyFont="1" applyBorder="1" applyAlignment="1">
      <alignment vertical="center" shrinkToFit="1"/>
    </xf>
    <xf numFmtId="177" fontId="9" fillId="0" borderId="11" xfId="3" applyNumberFormat="1" applyFont="1" applyBorder="1" applyAlignment="1">
      <alignment vertical="center" shrinkToFit="1"/>
    </xf>
    <xf numFmtId="178" fontId="8" fillId="0" borderId="13" xfId="0" applyNumberFormat="1" applyFont="1" applyBorder="1"/>
    <xf numFmtId="178" fontId="8" fillId="0" borderId="11" xfId="3" applyNumberFormat="1" applyFont="1" applyBorder="1" applyAlignment="1">
      <alignment vertical="center" shrinkToFit="1"/>
    </xf>
    <xf numFmtId="178" fontId="9" fillId="0" borderId="10" xfId="3" applyNumberFormat="1" applyFont="1" applyBorder="1" applyAlignment="1">
      <alignment vertical="center" shrinkToFit="1"/>
    </xf>
    <xf numFmtId="178" fontId="8" fillId="0" borderId="14" xfId="0" applyNumberFormat="1" applyFont="1" applyBorder="1"/>
    <xf numFmtId="177" fontId="8" fillId="0" borderId="12" xfId="3" applyNumberFormat="1" applyFont="1" applyBorder="1" applyAlignment="1">
      <alignment horizontal="right" vertical="center" shrinkToFit="1"/>
    </xf>
    <xf numFmtId="0" fontId="15" fillId="0" borderId="2" xfId="3" applyFont="1" applyBorder="1" applyAlignment="1">
      <alignment horizontal="center" vertical="center" shrinkToFit="1"/>
    </xf>
    <xf numFmtId="177" fontId="8" fillId="0" borderId="13" xfId="3" applyNumberFormat="1" applyFont="1" applyBorder="1" applyAlignment="1">
      <alignment horizontal="right" vertical="center" shrinkToFit="1"/>
    </xf>
    <xf numFmtId="178" fontId="8" fillId="0" borderId="10" xfId="3" applyNumberFormat="1" applyFont="1" applyBorder="1" applyAlignment="1">
      <alignment vertical="center" shrinkToFit="1"/>
    </xf>
    <xf numFmtId="0" fontId="15" fillId="0" borderId="4" xfId="3" applyFont="1" applyBorder="1" applyAlignment="1">
      <alignment horizontal="center" vertical="center" shrinkToFit="1"/>
    </xf>
    <xf numFmtId="178" fontId="8" fillId="0" borderId="14" xfId="3" applyNumberFormat="1" applyFont="1" applyBorder="1" applyAlignment="1">
      <alignment vertical="center" shrinkToFit="1"/>
    </xf>
    <xf numFmtId="179" fontId="8" fillId="0" borderId="10" xfId="3" applyNumberFormat="1" applyFont="1" applyBorder="1" applyAlignment="1">
      <alignment vertical="center" shrinkToFit="1"/>
    </xf>
    <xf numFmtId="38" fontId="9" fillId="0" borderId="0" xfId="8" applyFont="1" applyFill="1" applyAlignment="1">
      <alignment vertical="center"/>
    </xf>
    <xf numFmtId="38" fontId="9" fillId="0" borderId="0" xfId="3" applyNumberFormat="1" applyFont="1" applyAlignment="1">
      <alignment vertical="center"/>
    </xf>
    <xf numFmtId="0" fontId="8" fillId="0" borderId="0" xfId="3" applyFont="1" applyAlignment="1">
      <alignment vertical="center"/>
    </xf>
    <xf numFmtId="177" fontId="8" fillId="0" borderId="0" xfId="3" applyNumberFormat="1" applyFont="1" applyAlignment="1">
      <alignment horizontal="right" vertical="center" shrinkToFit="1"/>
    </xf>
    <xf numFmtId="179" fontId="9" fillId="0" borderId="0" xfId="8" applyNumberFormat="1" applyFont="1" applyFill="1" applyAlignment="1">
      <alignment vertical="center"/>
    </xf>
    <xf numFmtId="177" fontId="8" fillId="0" borderId="12" xfId="3" applyNumberFormat="1" applyFont="1" applyBorder="1" applyAlignment="1">
      <alignment vertical="center" shrinkToFit="1"/>
    </xf>
    <xf numFmtId="0" fontId="15" fillId="0" borderId="3" xfId="3" applyFont="1" applyBorder="1" applyAlignment="1">
      <alignment horizontal="center" vertical="center" shrinkToFit="1"/>
    </xf>
    <xf numFmtId="178" fontId="8" fillId="0" borderId="26" xfId="3" applyNumberFormat="1" applyFont="1" applyBorder="1" applyAlignment="1">
      <alignment vertical="center" shrinkToFit="1"/>
    </xf>
    <xf numFmtId="56" fontId="8" fillId="0" borderId="0" xfId="3" applyNumberFormat="1" applyFont="1" applyAlignment="1">
      <alignment vertical="center"/>
    </xf>
    <xf numFmtId="177" fontId="8" fillId="0" borderId="11" xfId="3" applyNumberFormat="1" applyFont="1" applyBorder="1" applyAlignment="1">
      <alignment horizontal="right" vertical="center" shrinkToFit="1"/>
    </xf>
    <xf numFmtId="177" fontId="8" fillId="0" borderId="26" xfId="3" applyNumberFormat="1" applyFont="1" applyBorder="1" applyAlignment="1">
      <alignment horizontal="right" vertical="center" shrinkToFit="1"/>
    </xf>
    <xf numFmtId="178" fontId="8" fillId="0" borderId="13" xfId="3" applyNumberFormat="1" applyFont="1" applyBorder="1" applyAlignment="1">
      <alignment vertical="center" shrinkToFit="1"/>
    </xf>
    <xf numFmtId="177" fontId="9" fillId="0" borderId="12" xfId="3" applyNumberFormat="1" applyFont="1" applyBorder="1" applyAlignment="1">
      <alignment vertical="center" shrinkToFit="1"/>
    </xf>
    <xf numFmtId="178" fontId="8" fillId="0" borderId="13" xfId="3" applyNumberFormat="1" applyFont="1" applyBorder="1" applyAlignment="1">
      <alignment horizontal="right" vertical="center" shrinkToFit="1"/>
    </xf>
    <xf numFmtId="0" fontId="8" fillId="0" borderId="26" xfId="0" applyFont="1" applyBorder="1"/>
    <xf numFmtId="0" fontId="8" fillId="0" borderId="14" xfId="0" applyFont="1" applyBorder="1"/>
    <xf numFmtId="0" fontId="8" fillId="0" borderId="13" xfId="3" applyFont="1" applyBorder="1" applyAlignment="1">
      <alignment vertical="center"/>
    </xf>
    <xf numFmtId="0" fontId="8" fillId="0" borderId="14" xfId="3" applyFont="1" applyBorder="1" applyAlignment="1">
      <alignment vertical="center"/>
    </xf>
    <xf numFmtId="0" fontId="8" fillId="0" borderId="13" xfId="0" applyFont="1" applyBorder="1"/>
    <xf numFmtId="177" fontId="9" fillId="0" borderId="12" xfId="3" applyNumberFormat="1" applyFont="1" applyBorder="1" applyAlignment="1">
      <alignment horizontal="right" vertical="center" shrinkToFit="1"/>
    </xf>
    <xf numFmtId="177" fontId="9" fillId="0" borderId="13" xfId="3" applyNumberFormat="1" applyFont="1" applyBorder="1" applyAlignment="1">
      <alignment horizontal="right" vertical="center" shrinkToFit="1"/>
    </xf>
    <xf numFmtId="179" fontId="9" fillId="0" borderId="15" xfId="3" applyNumberFormat="1" applyFont="1" applyBorder="1" applyAlignment="1">
      <alignment vertical="center" shrinkToFit="1"/>
    </xf>
    <xf numFmtId="178" fontId="9" fillId="0" borderId="15" xfId="3" applyNumberFormat="1" applyFont="1" applyBorder="1" applyAlignment="1">
      <alignment vertical="center" shrinkToFit="1"/>
    </xf>
    <xf numFmtId="178" fontId="9" fillId="0" borderId="16" xfId="3" applyNumberFormat="1" applyFont="1" applyBorder="1" applyAlignment="1">
      <alignment vertical="center" shrinkToFit="1"/>
    </xf>
    <xf numFmtId="0" fontId="9" fillId="0" borderId="0" xfId="3" applyFont="1" applyAlignment="1">
      <alignment horizontal="left" vertical="center"/>
    </xf>
    <xf numFmtId="0" fontId="17" fillId="0" borderId="0" xfId="3" applyFont="1" applyAlignment="1">
      <alignment vertical="center"/>
    </xf>
    <xf numFmtId="179" fontId="8" fillId="0" borderId="0" xfId="3" applyNumberFormat="1" applyFont="1" applyAlignment="1">
      <alignment vertical="center"/>
    </xf>
    <xf numFmtId="179" fontId="9" fillId="0" borderId="0" xfId="3" applyNumberFormat="1" applyFont="1" applyAlignment="1">
      <alignment vertical="center"/>
    </xf>
    <xf numFmtId="0" fontId="15" fillId="0" borderId="2" xfId="3" applyFont="1" applyBorder="1" applyAlignment="1">
      <alignment horizontal="center" vertical="center" shrinkToFit="1"/>
    </xf>
    <xf numFmtId="0" fontId="15" fillId="0" borderId="4" xfId="3" applyFont="1" applyBorder="1" applyAlignment="1">
      <alignment horizontal="center" vertical="center" shrinkToFit="1"/>
    </xf>
    <xf numFmtId="0" fontId="15" fillId="0" borderId="24" xfId="3" applyFont="1" applyBorder="1" applyAlignment="1">
      <alignment horizontal="center" vertical="center" wrapText="1"/>
    </xf>
    <xf numFmtId="0" fontId="15" fillId="0" borderId="9" xfId="3" applyFont="1" applyBorder="1" applyAlignment="1">
      <alignment horizontal="center" vertical="center" wrapText="1"/>
    </xf>
    <xf numFmtId="49" fontId="15" fillId="0" borderId="29" xfId="3" applyNumberFormat="1" applyFont="1" applyBorder="1" applyAlignment="1">
      <alignment horizontal="center" vertical="center" wrapText="1" shrinkToFit="1"/>
    </xf>
    <xf numFmtId="0" fontId="15" fillId="0" borderId="28" xfId="10" applyFont="1" applyFill="1" applyBorder="1" applyAlignment="1">
      <alignment horizontal="left" vertical="center" wrapText="1"/>
    </xf>
    <xf numFmtId="177" fontId="15" fillId="0" borderId="28" xfId="3" applyNumberFormat="1" applyFont="1" applyBorder="1" applyAlignment="1">
      <alignment horizontal="center" vertical="center" wrapText="1"/>
    </xf>
    <xf numFmtId="0" fontId="15" fillId="0" borderId="2" xfId="3" applyFont="1" applyBorder="1" applyAlignment="1">
      <alignment horizontal="center" vertical="center"/>
    </xf>
    <xf numFmtId="0" fontId="15" fillId="0" borderId="4" xfId="3" applyFont="1" applyBorder="1" applyAlignment="1">
      <alignment horizontal="center" vertical="center"/>
    </xf>
    <xf numFmtId="0" fontId="15" fillId="0" borderId="28" xfId="10" applyFont="1" applyFill="1" applyBorder="1" applyAlignment="1">
      <alignment vertical="center" wrapText="1"/>
    </xf>
    <xf numFmtId="49" fontId="15" fillId="0" borderId="2" xfId="3" applyNumberFormat="1" applyFont="1" applyBorder="1" applyAlignment="1">
      <alignment horizontal="center" vertical="center" wrapText="1" shrinkToFit="1"/>
    </xf>
    <xf numFmtId="49" fontId="15" fillId="0" borderId="4" xfId="3" applyNumberFormat="1" applyFont="1" applyBorder="1" applyAlignment="1">
      <alignment horizontal="center" vertical="center" wrapText="1" shrinkToFit="1"/>
    </xf>
    <xf numFmtId="0" fontId="15" fillId="0" borderId="12" xfId="10" applyFont="1" applyFill="1" applyBorder="1" applyAlignment="1">
      <alignment horizontal="left" vertical="center" wrapText="1"/>
    </xf>
    <xf numFmtId="0" fontId="15" fillId="0" borderId="10" xfId="10" applyFont="1" applyFill="1" applyBorder="1" applyAlignment="1">
      <alignment horizontal="left" vertical="center" wrapText="1"/>
    </xf>
    <xf numFmtId="177" fontId="15" fillId="0" borderId="12" xfId="3" applyNumberFormat="1" applyFont="1" applyBorder="1" applyAlignment="1">
      <alignment horizontal="center" vertical="center" wrapText="1"/>
    </xf>
    <xf numFmtId="177" fontId="15" fillId="0" borderId="10" xfId="3" applyNumberFormat="1" applyFont="1" applyBorder="1" applyAlignment="1">
      <alignment horizontal="center" vertical="center" wrapText="1"/>
    </xf>
    <xf numFmtId="49" fontId="15" fillId="0" borderId="28" xfId="3" applyNumberFormat="1" applyFont="1" applyBorder="1" applyAlignment="1">
      <alignment horizontal="center" vertical="center" wrapText="1" shrinkToFit="1"/>
    </xf>
    <xf numFmtId="0" fontId="15" fillId="0" borderId="27" xfId="3" applyFont="1" applyBorder="1" applyAlignment="1">
      <alignment horizontal="center" vertical="center" wrapText="1"/>
    </xf>
    <xf numFmtId="0" fontId="15" fillId="0" borderId="12" xfId="10" applyFont="1" applyFill="1" applyBorder="1" applyAlignment="1">
      <alignment vertical="center" wrapText="1"/>
    </xf>
    <xf numFmtId="0" fontId="15" fillId="0" borderId="10" xfId="10" applyFont="1" applyFill="1" applyBorder="1" applyAlignment="1">
      <alignment vertical="center" wrapText="1"/>
    </xf>
    <xf numFmtId="0" fontId="15" fillId="0" borderId="28" xfId="3" applyFont="1" applyBorder="1" applyAlignment="1">
      <alignment horizontal="center" vertical="center" wrapText="1"/>
    </xf>
    <xf numFmtId="0" fontId="10" fillId="0" borderId="8" xfId="3" applyFont="1" applyBorder="1" applyAlignment="1">
      <alignment horizontal="center" vertical="center"/>
    </xf>
    <xf numFmtId="0" fontId="10" fillId="0" borderId="10" xfId="3" applyFont="1" applyBorder="1" applyAlignment="1">
      <alignment horizontal="center" vertical="center"/>
    </xf>
    <xf numFmtId="0" fontId="10" fillId="0" borderId="8" xfId="3" applyFont="1" applyBorder="1" applyAlignment="1">
      <alignment horizontal="center" vertical="center" wrapText="1"/>
    </xf>
    <xf numFmtId="0" fontId="10" fillId="0" borderId="22" xfId="3" applyFont="1" applyBorder="1" applyAlignment="1">
      <alignment horizontal="center" vertical="center"/>
    </xf>
    <xf numFmtId="0" fontId="10" fillId="0" borderId="17" xfId="3" applyFont="1" applyBorder="1" applyAlignment="1">
      <alignment horizontal="center" vertical="center"/>
    </xf>
    <xf numFmtId="0" fontId="10" fillId="0" borderId="4" xfId="3" applyFont="1" applyBorder="1" applyAlignment="1">
      <alignment horizontal="center" vertical="center"/>
    </xf>
    <xf numFmtId="0" fontId="10" fillId="0" borderId="14" xfId="3" applyFont="1" applyBorder="1" applyAlignment="1">
      <alignment horizontal="center" vertical="center"/>
    </xf>
    <xf numFmtId="176" fontId="15" fillId="0" borderId="27" xfId="3" applyNumberFormat="1" applyFont="1" applyBorder="1" applyAlignment="1">
      <alignment horizontal="center" vertical="center" wrapText="1"/>
    </xf>
    <xf numFmtId="176" fontId="15" fillId="0" borderId="28" xfId="3" applyNumberFormat="1" applyFont="1" applyBorder="1" applyAlignment="1">
      <alignment horizontal="center" vertical="center" wrapText="1"/>
    </xf>
    <xf numFmtId="49" fontId="15" fillId="0" borderId="12" xfId="3" applyNumberFormat="1" applyFont="1" applyBorder="1" applyAlignment="1">
      <alignment horizontal="center" vertical="center" wrapText="1"/>
    </xf>
    <xf numFmtId="49" fontId="15" fillId="0" borderId="10" xfId="3" applyNumberFormat="1" applyFont="1" applyBorder="1" applyAlignment="1">
      <alignment horizontal="center" vertical="center" wrapText="1"/>
    </xf>
    <xf numFmtId="178" fontId="15" fillId="0" borderId="2" xfId="3" applyNumberFormat="1" applyFont="1" applyBorder="1" applyAlignment="1">
      <alignment horizontal="center" vertical="center"/>
    </xf>
    <xf numFmtId="178" fontId="15" fillId="0" borderId="4" xfId="3" applyNumberFormat="1" applyFont="1" applyBorder="1" applyAlignment="1">
      <alignment horizontal="center" vertical="center"/>
    </xf>
    <xf numFmtId="0" fontId="14" fillId="0" borderId="19" xfId="3" applyFont="1" applyBorder="1" applyAlignment="1">
      <alignment horizontal="right" vertical="center" wrapText="1"/>
    </xf>
    <xf numFmtId="0" fontId="10" fillId="0" borderId="20" xfId="3" applyFont="1" applyBorder="1" applyAlignment="1">
      <alignment horizontal="center" vertical="center"/>
    </xf>
    <xf numFmtId="0" fontId="10" fillId="0" borderId="21" xfId="3" applyFont="1" applyBorder="1" applyAlignment="1">
      <alignment horizontal="center" vertical="center"/>
    </xf>
    <xf numFmtId="0" fontId="10" fillId="0" borderId="1" xfId="3" applyFont="1" applyBorder="1" applyAlignment="1">
      <alignment horizontal="center" vertical="center"/>
    </xf>
    <xf numFmtId="0" fontId="10" fillId="0" borderId="18" xfId="3" applyFont="1" applyBorder="1" applyAlignment="1">
      <alignment horizontal="center" vertical="center"/>
    </xf>
    <xf numFmtId="0" fontId="10" fillId="0" borderId="19" xfId="3" applyFont="1" applyBorder="1" applyAlignment="1">
      <alignment horizontal="center" vertical="center"/>
    </xf>
    <xf numFmtId="0" fontId="10" fillId="0" borderId="25" xfId="3" applyFont="1" applyBorder="1" applyAlignment="1">
      <alignment horizontal="center" vertical="center"/>
    </xf>
    <xf numFmtId="0" fontId="10" fillId="0" borderId="2" xfId="3" applyFont="1" applyBorder="1" applyAlignment="1">
      <alignment horizontal="center" vertical="center"/>
    </xf>
    <xf numFmtId="0" fontId="10" fillId="0" borderId="23" xfId="3" applyFont="1" applyBorder="1" applyAlignment="1">
      <alignment horizontal="center" vertical="center"/>
    </xf>
    <xf numFmtId="0" fontId="15" fillId="0" borderId="11" xfId="10" applyFont="1" applyFill="1" applyBorder="1" applyAlignment="1">
      <alignment vertical="center" wrapText="1"/>
    </xf>
    <xf numFmtId="49" fontId="15" fillId="0" borderId="12" xfId="3" applyNumberFormat="1" applyFont="1" applyBorder="1" applyAlignment="1">
      <alignment horizontal="center" vertical="center" wrapText="1" shrinkToFit="1"/>
    </xf>
    <xf numFmtId="49" fontId="15" fillId="0" borderId="10" xfId="3" applyNumberFormat="1" applyFont="1" applyBorder="1" applyAlignment="1">
      <alignment horizontal="center" vertical="center" wrapText="1" shrinkToFit="1"/>
    </xf>
    <xf numFmtId="0" fontId="15" fillId="0" borderId="28" xfId="3" applyFont="1" applyBorder="1" applyAlignment="1">
      <alignment horizontal="center" vertical="center" wrapText="1" shrinkToFit="1"/>
    </xf>
    <xf numFmtId="0" fontId="15" fillId="0" borderId="11" xfId="10" applyFont="1" applyFill="1" applyBorder="1" applyAlignment="1">
      <alignment vertical="center"/>
    </xf>
    <xf numFmtId="0" fontId="15" fillId="0" borderId="3" xfId="3" applyFont="1" applyBorder="1" applyAlignment="1">
      <alignment horizontal="center" vertical="center" shrinkToFit="1"/>
    </xf>
    <xf numFmtId="0" fontId="15" fillId="0" borderId="28" xfId="10" applyFont="1" applyFill="1" applyBorder="1" applyAlignment="1">
      <alignment horizontal="left" vertical="center" wrapText="1" shrinkToFit="1"/>
    </xf>
    <xf numFmtId="0" fontId="15" fillId="0" borderId="12" xfId="3" applyFont="1" applyBorder="1" applyAlignment="1">
      <alignment horizontal="center" vertical="center" wrapText="1"/>
    </xf>
    <xf numFmtId="0" fontId="15" fillId="0" borderId="10" xfId="3" applyFont="1" applyBorder="1" applyAlignment="1">
      <alignment horizontal="center" vertical="center" wrapText="1"/>
    </xf>
  </cellXfs>
  <cellStyles count="11">
    <cellStyle name="ハイパーリンク" xfId="10" builtinId="8"/>
    <cellStyle name="ハイパーリンク 2" xfId="7" xr:uid="{00000000-0005-0000-0000-000001000000}"/>
    <cellStyle name="桁区切り" xfId="8" builtinId="6"/>
    <cellStyle name="桁区切り 2" xfId="1" xr:uid="{00000000-0005-0000-0000-000003000000}"/>
    <cellStyle name="桁区切り 2 3" xfId="5" xr:uid="{00000000-0005-0000-0000-000004000000}"/>
    <cellStyle name="標準" xfId="0" builtinId="0"/>
    <cellStyle name="標準 17" xfId="4" xr:uid="{00000000-0005-0000-0000-000006000000}"/>
    <cellStyle name="標準 2" xfId="2" xr:uid="{00000000-0005-0000-0000-000007000000}"/>
    <cellStyle name="標準 3" xfId="6" xr:uid="{00000000-0005-0000-0000-000008000000}"/>
    <cellStyle name="標準 3 2" xfId="9" xr:uid="{00000000-0005-0000-0000-000009000000}"/>
    <cellStyle name="標準_③予算事業別調書(目次様式)" xfId="3" xr:uid="{00000000-0005-0000-0000-00000A000000}"/>
  </cellStyles>
  <dxfs count="18">
    <dxf>
      <font>
        <color indexed="9"/>
      </font>
    </dxf>
    <dxf>
      <font>
        <color theme="0"/>
      </font>
    </dxf>
    <dxf>
      <font>
        <color indexed="9"/>
      </font>
    </dxf>
    <dxf>
      <font>
        <color theme="0"/>
      </font>
    </dxf>
    <dxf>
      <font>
        <color theme="0"/>
      </font>
    </dxf>
    <dxf>
      <font>
        <color indexed="9"/>
      </font>
    </dxf>
    <dxf>
      <font>
        <color theme="0"/>
      </font>
    </dxf>
    <dxf>
      <font>
        <color indexed="9"/>
      </font>
    </dxf>
    <dxf>
      <font>
        <color theme="0"/>
      </font>
    </dxf>
    <dxf>
      <font>
        <color indexed="9"/>
      </font>
    </dxf>
    <dxf>
      <font>
        <color theme="0"/>
      </font>
    </dxf>
    <dxf>
      <font>
        <color indexed="9"/>
      </font>
    </dxf>
    <dxf>
      <font>
        <color theme="0"/>
      </font>
    </dxf>
    <dxf>
      <font>
        <color indexed="9"/>
      </font>
    </dxf>
    <dxf>
      <font>
        <color theme="0"/>
      </font>
    </dxf>
    <dxf>
      <font>
        <color indexed="9"/>
      </font>
    </dxf>
    <dxf>
      <font>
        <color theme="0"/>
      </font>
    </dxf>
    <dxf>
      <font>
        <color indexed="9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6" Type="http://schemas.openxmlformats.org/officeDocument/2006/relationships/hyperlink" Target="https://www.city.osaka.lg.jp/fukushi/cmsfiles/contents/0000591/591979/R5_017ippan-(02.14).xlsx" TargetMode="External"/><Relationship Id="rId117" Type="http://schemas.openxmlformats.org/officeDocument/2006/relationships/hyperlink" Target="https://www.city.osaka.lg.jp/fukushi/cmsfiles/contents/0000591/591979/R5_108ippan-(02.14).xlsx" TargetMode="External"/><Relationship Id="rId21" Type="http://schemas.openxmlformats.org/officeDocument/2006/relationships/hyperlink" Target="https://www.city.osaka.lg.jp/fukushi/cmsfiles/contents/0000591/591979/R5_012ippan-(02.14).xlsx" TargetMode="External"/><Relationship Id="rId42" Type="http://schemas.openxmlformats.org/officeDocument/2006/relationships/hyperlink" Target="https://www.city.osaka.lg.jp/fukushi/cmsfiles/contents/0000591/591979/R5_033ippan-(02.14).xlsx" TargetMode="External"/><Relationship Id="rId47" Type="http://schemas.openxmlformats.org/officeDocument/2006/relationships/hyperlink" Target="https://www.city.osaka.lg.jp/fukushi/cmsfiles/contents/0000591/591979/R5_038ippan-(02.14).xlsx" TargetMode="External"/><Relationship Id="rId63" Type="http://schemas.openxmlformats.org/officeDocument/2006/relationships/hyperlink" Target="https://www.city.osaka.lg.jp/fukushi/cmsfiles/contents/0000591/591979/R5_054ippan-(02.14).xlsx" TargetMode="External"/><Relationship Id="rId68" Type="http://schemas.openxmlformats.org/officeDocument/2006/relationships/hyperlink" Target="https://www.city.osaka.lg.jp/fukushi/cmsfiles/contents/0000591/591979/R5_059ippan-(02.14).xlsx" TargetMode="External"/><Relationship Id="rId84" Type="http://schemas.openxmlformats.org/officeDocument/2006/relationships/hyperlink" Target="https://www.city.osaka.lg.jp/fukushi/cmsfiles/contents/0000591/591979/R5_075ippan-(02.14).xlsx" TargetMode="External"/><Relationship Id="rId89" Type="http://schemas.openxmlformats.org/officeDocument/2006/relationships/hyperlink" Target="https://www.city.osaka.lg.jp/fukushi/cmsfiles/contents/0000591/591979/R5_080ippan-(02.14).xlsx" TargetMode="External"/><Relationship Id="rId112" Type="http://schemas.openxmlformats.org/officeDocument/2006/relationships/hyperlink" Target="https://www.city.osaka.lg.jp/fukushi/cmsfiles/contents/0000591/591979/R5_103ippan-(02.14).xlsx" TargetMode="External"/><Relationship Id="rId133" Type="http://schemas.openxmlformats.org/officeDocument/2006/relationships/hyperlink" Target="https://www.city.osaka.lg.jp/fukushi/cmsfiles/contents/0000591/591979/R5_124ippan-(02.14).xlsx" TargetMode="External"/><Relationship Id="rId138" Type="http://schemas.openxmlformats.org/officeDocument/2006/relationships/hyperlink" Target="https://www.city.osaka.lg.jp/fukushi/cmsfiles/contents/0000591/591979/R5_129ippan-(02.14).xlsx" TargetMode="External"/><Relationship Id="rId154" Type="http://schemas.openxmlformats.org/officeDocument/2006/relationships/hyperlink" Target="https://www.city.osaka.lg.jp/fukushi/cmsfiles/contents/0000591/591979/R5_145ippan-(02.14).xlsx" TargetMode="External"/><Relationship Id="rId159" Type="http://schemas.openxmlformats.org/officeDocument/2006/relationships/hyperlink" Target="https://www.city.osaka.lg.jp/fukushi/cmsfiles/contents/0000591/591979/R5_150ippan-(02.14).xlsx" TargetMode="External"/><Relationship Id="rId16" Type="http://schemas.openxmlformats.org/officeDocument/2006/relationships/hyperlink" Target="https://www.city.osaka.lg.jp/fukushi/cmsfiles/contents/0000591/591979/R5_007ippan-(02.14).xlsx" TargetMode="External"/><Relationship Id="rId107" Type="http://schemas.openxmlformats.org/officeDocument/2006/relationships/hyperlink" Target="https://www.city.osaka.lg.jp/fukushi/cmsfiles/contents/0000591/591979/R5_098ippan-(02.14).xlsx" TargetMode="External"/><Relationship Id="rId11" Type="http://schemas.openxmlformats.org/officeDocument/2006/relationships/hyperlink" Target="https://www.city.osaka.lg.jp/fukushi/cmsfiles/contents/0000591/591979/R5_002ippan-(02.14).xlsx" TargetMode="External"/><Relationship Id="rId32" Type="http://schemas.openxmlformats.org/officeDocument/2006/relationships/hyperlink" Target="https://www.city.osaka.lg.jp/fukushi/cmsfiles/contents/0000591/591979/R5_023ippan-(02.14).xlsx" TargetMode="External"/><Relationship Id="rId37" Type="http://schemas.openxmlformats.org/officeDocument/2006/relationships/hyperlink" Target="https://www.city.osaka.lg.jp/fukushi/cmsfiles/contents/0000591/591979/R5_028ippan-(02.14).xlsx" TargetMode="External"/><Relationship Id="rId53" Type="http://schemas.openxmlformats.org/officeDocument/2006/relationships/hyperlink" Target="https://www.city.osaka.lg.jp/fukushi/cmsfiles/contents/0000591/591979/R5_044ippan-(02.14).xlsx" TargetMode="External"/><Relationship Id="rId58" Type="http://schemas.openxmlformats.org/officeDocument/2006/relationships/hyperlink" Target="https://www.city.osaka.lg.jp/fukushi/cmsfiles/contents/0000591/591979/R5_049ippan-(02.14).xlsx" TargetMode="External"/><Relationship Id="rId74" Type="http://schemas.openxmlformats.org/officeDocument/2006/relationships/hyperlink" Target="https://www.city.osaka.lg.jp/fukushi/cmsfiles/contents/0000591/591979/R5_065ippan-(02.14).xlsx" TargetMode="External"/><Relationship Id="rId79" Type="http://schemas.openxmlformats.org/officeDocument/2006/relationships/hyperlink" Target="https://www.city.osaka.lg.jp/fukushi/cmsfiles/contents/0000591/591979/R5_070ippan-(02.14).xlsx" TargetMode="External"/><Relationship Id="rId102" Type="http://schemas.openxmlformats.org/officeDocument/2006/relationships/hyperlink" Target="https://www.city.osaka.lg.jp/fukushi/cmsfiles/contents/0000591/591979/R5_093ippan-(02.14).xlsx" TargetMode="External"/><Relationship Id="rId123" Type="http://schemas.openxmlformats.org/officeDocument/2006/relationships/hyperlink" Target="https://www.city.osaka.lg.jp/fukushi/cmsfiles/contents/0000591/591979/R5_114ippan-(02.14).xlsx" TargetMode="External"/><Relationship Id="rId128" Type="http://schemas.openxmlformats.org/officeDocument/2006/relationships/hyperlink" Target="https://www.city.osaka.lg.jp/fukushi/cmsfiles/contents/0000591/591979/R5_119ippan-(02.14).xlsx" TargetMode="External"/><Relationship Id="rId144" Type="http://schemas.openxmlformats.org/officeDocument/2006/relationships/hyperlink" Target="https://www.city.osaka.lg.jp/fukushi/cmsfiles/contents/0000591/591979/R5_135ippan-(02.14).xlsx" TargetMode="External"/><Relationship Id="rId149" Type="http://schemas.openxmlformats.org/officeDocument/2006/relationships/hyperlink" Target="https://www.city.osaka.lg.jp/fukushi/cmsfiles/contents/0000591/591979/R5_140ippan-(02.14).xlsx" TargetMode="External"/><Relationship Id="rId5" Type="http://schemas.openxmlformats.org/officeDocument/2006/relationships/printerSettings" Target="../printerSettings/printerSettings5.bin"/><Relationship Id="rId90" Type="http://schemas.openxmlformats.org/officeDocument/2006/relationships/hyperlink" Target="https://www.city.osaka.lg.jp/fukushi/cmsfiles/contents/0000591/591979/R5_081ippan-(02.14).xlsx" TargetMode="External"/><Relationship Id="rId95" Type="http://schemas.openxmlformats.org/officeDocument/2006/relationships/hyperlink" Target="https://www.city.osaka.lg.jp/fukushi/cmsfiles/contents/0000591/591979/R5_086ippan-(02.14).xlsx" TargetMode="External"/><Relationship Id="rId160" Type="http://schemas.openxmlformats.org/officeDocument/2006/relationships/hyperlink" Target="https://www.city.osaka.lg.jp/fukushi/cmsfiles/contents/0000591/591979/R5_151ippan-(02.14).xlsx" TargetMode="External"/><Relationship Id="rId22" Type="http://schemas.openxmlformats.org/officeDocument/2006/relationships/hyperlink" Target="https://www.city.osaka.lg.jp/fukushi/cmsfiles/contents/0000591/591979/R5_013ippan-(02.14).xlsx" TargetMode="External"/><Relationship Id="rId27" Type="http://schemas.openxmlformats.org/officeDocument/2006/relationships/hyperlink" Target="https://www.city.osaka.lg.jp/fukushi/cmsfiles/contents/0000591/591979/R5_018ippan-(02.14).xlsx" TargetMode="External"/><Relationship Id="rId43" Type="http://schemas.openxmlformats.org/officeDocument/2006/relationships/hyperlink" Target="https://www.city.osaka.lg.jp/fukushi/cmsfiles/contents/0000591/591979/R5_034ippan-(02.14).xlsx" TargetMode="External"/><Relationship Id="rId48" Type="http://schemas.openxmlformats.org/officeDocument/2006/relationships/hyperlink" Target="https://www.city.osaka.lg.jp/fukushi/cmsfiles/contents/0000591/591979/R5_039ippan-(02.14).xlsx" TargetMode="External"/><Relationship Id="rId64" Type="http://schemas.openxmlformats.org/officeDocument/2006/relationships/hyperlink" Target="https://www.city.osaka.lg.jp/fukushi/cmsfiles/contents/0000591/591979/R5_055ippan-(02.14).xlsx" TargetMode="External"/><Relationship Id="rId69" Type="http://schemas.openxmlformats.org/officeDocument/2006/relationships/hyperlink" Target="https://www.city.osaka.lg.jp/fukushi/cmsfiles/contents/0000591/591979/R5_060ippan-(02.14).xlsx" TargetMode="External"/><Relationship Id="rId113" Type="http://schemas.openxmlformats.org/officeDocument/2006/relationships/hyperlink" Target="https://www.city.osaka.lg.jp/fukushi/cmsfiles/contents/0000591/591979/R5_104ippan-(02.14).xlsx" TargetMode="External"/><Relationship Id="rId118" Type="http://schemas.openxmlformats.org/officeDocument/2006/relationships/hyperlink" Target="https://www.city.osaka.lg.jp/fukushi/cmsfiles/contents/0000591/591979/R5_109ippan-(02.14).xlsx" TargetMode="External"/><Relationship Id="rId134" Type="http://schemas.openxmlformats.org/officeDocument/2006/relationships/hyperlink" Target="https://www.city.osaka.lg.jp/fukushi/cmsfiles/contents/0000591/591979/R5_125ippan-(02.14).xlsx" TargetMode="External"/><Relationship Id="rId139" Type="http://schemas.openxmlformats.org/officeDocument/2006/relationships/hyperlink" Target="https://www.city.osaka.lg.jp/fukushi/cmsfiles/contents/0000591/591979/R5_130ippan-(02.14).xlsx" TargetMode="External"/><Relationship Id="rId80" Type="http://schemas.openxmlformats.org/officeDocument/2006/relationships/hyperlink" Target="https://www.city.osaka.lg.jp/fukushi/cmsfiles/contents/0000591/591979/R5_071ippan-(02.14).xlsx" TargetMode="External"/><Relationship Id="rId85" Type="http://schemas.openxmlformats.org/officeDocument/2006/relationships/hyperlink" Target="https://www.city.osaka.lg.jp/fukushi/cmsfiles/contents/0000591/591979/R5_076ippan-(02.14).xlsx" TargetMode="External"/><Relationship Id="rId150" Type="http://schemas.openxmlformats.org/officeDocument/2006/relationships/hyperlink" Target="https://www.city.osaka.lg.jp/fukushi/cmsfiles/contents/0000591/591979/R5_141ippan-(02.14).xlsx" TargetMode="External"/><Relationship Id="rId155" Type="http://schemas.openxmlformats.org/officeDocument/2006/relationships/hyperlink" Target="https://www.city.osaka.lg.jp/fukushi/cmsfiles/contents/0000591/591979/R5_146ippan-(02.14).xlsx" TargetMode="External"/><Relationship Id="rId12" Type="http://schemas.openxmlformats.org/officeDocument/2006/relationships/hyperlink" Target="https://www.city.osaka.lg.jp/fukushi/cmsfiles/contents/0000591/591979/R5_003ippan-(02.14).xlsx" TargetMode="External"/><Relationship Id="rId17" Type="http://schemas.openxmlformats.org/officeDocument/2006/relationships/hyperlink" Target="https://www.city.osaka.lg.jp/fukushi/cmsfiles/contents/0000591/591979/R5_008ippan-(02.14).xlsx" TargetMode="External"/><Relationship Id="rId33" Type="http://schemas.openxmlformats.org/officeDocument/2006/relationships/hyperlink" Target="https://www.city.osaka.lg.jp/fukushi/cmsfiles/contents/0000591/591979/R5_024ippan-(02.14).xlsx" TargetMode="External"/><Relationship Id="rId38" Type="http://schemas.openxmlformats.org/officeDocument/2006/relationships/hyperlink" Target="https://www.city.osaka.lg.jp/fukushi/cmsfiles/contents/0000591/591979/R5_029ippan-(02.14).xlsx" TargetMode="External"/><Relationship Id="rId59" Type="http://schemas.openxmlformats.org/officeDocument/2006/relationships/hyperlink" Target="https://www.city.osaka.lg.jp/fukushi/cmsfiles/contents/0000591/591979/R5_050ippan-(02.14).xlsx" TargetMode="External"/><Relationship Id="rId103" Type="http://schemas.openxmlformats.org/officeDocument/2006/relationships/hyperlink" Target="https://www.city.osaka.lg.jp/fukushi/cmsfiles/contents/0000591/591979/R5_094ippan-(02.14).xlsx" TargetMode="External"/><Relationship Id="rId108" Type="http://schemas.openxmlformats.org/officeDocument/2006/relationships/hyperlink" Target="https://www.city.osaka.lg.jp/fukushi/cmsfiles/contents/0000591/591979/R5_099ippan-(02.14).xlsx" TargetMode="External"/><Relationship Id="rId124" Type="http://schemas.openxmlformats.org/officeDocument/2006/relationships/hyperlink" Target="https://www.city.osaka.lg.jp/fukushi/cmsfiles/contents/0000591/591979/R5_115ippan-(02.14).xlsx" TargetMode="External"/><Relationship Id="rId129" Type="http://schemas.openxmlformats.org/officeDocument/2006/relationships/hyperlink" Target="https://www.city.osaka.lg.jp/fukushi/cmsfiles/contents/0000591/591979/R5_120ippan-(02.14).xlsx" TargetMode="External"/><Relationship Id="rId54" Type="http://schemas.openxmlformats.org/officeDocument/2006/relationships/hyperlink" Target="https://www.city.osaka.lg.jp/fukushi/cmsfiles/contents/0000591/591979/R5_045ippan-(02.14).xlsx" TargetMode="External"/><Relationship Id="rId70" Type="http://schemas.openxmlformats.org/officeDocument/2006/relationships/hyperlink" Target="https://www.city.osaka.lg.jp/fukushi/cmsfiles/contents/0000591/591979/R5_061ippan-(02.14).xlsx" TargetMode="External"/><Relationship Id="rId75" Type="http://schemas.openxmlformats.org/officeDocument/2006/relationships/hyperlink" Target="https://www.city.osaka.lg.jp/fukushi/cmsfiles/contents/0000591/591979/R5_066ippan-(02.14).xlsx" TargetMode="External"/><Relationship Id="rId91" Type="http://schemas.openxmlformats.org/officeDocument/2006/relationships/hyperlink" Target="https://www.city.osaka.lg.jp/fukushi/cmsfiles/contents/0000591/591979/R5_082ippan-(02.14).xlsx" TargetMode="External"/><Relationship Id="rId96" Type="http://schemas.openxmlformats.org/officeDocument/2006/relationships/hyperlink" Target="https://www.city.osaka.lg.jp/fukushi/cmsfiles/contents/0000591/591979/R5_087ippan-(02.14).xlsx" TargetMode="External"/><Relationship Id="rId140" Type="http://schemas.openxmlformats.org/officeDocument/2006/relationships/hyperlink" Target="https://www.city.osaka.lg.jp/fukushi/cmsfiles/contents/0000591/591979/R5_131ippan-(02.14).xlsx" TargetMode="External"/><Relationship Id="rId145" Type="http://schemas.openxmlformats.org/officeDocument/2006/relationships/hyperlink" Target="https://www.city.osaka.lg.jp/fukushi/cmsfiles/contents/0000591/591979/R5_136ippan-(02.14).xlsx" TargetMode="External"/><Relationship Id="rId161" Type="http://schemas.openxmlformats.org/officeDocument/2006/relationships/hyperlink" Target="https://www.city.osaka.lg.jp/fukushi/cmsfiles/contents/0000591/591979/R5_152ippan-(02.14).xlsx" TargetMode="External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15" Type="http://schemas.openxmlformats.org/officeDocument/2006/relationships/hyperlink" Target="https://www.city.osaka.lg.jp/fukushi/cmsfiles/contents/0000591/591979/R5_006ippan-(02.14).xlsx" TargetMode="External"/><Relationship Id="rId23" Type="http://schemas.openxmlformats.org/officeDocument/2006/relationships/hyperlink" Target="https://www.city.osaka.lg.jp/fukushi/cmsfiles/contents/0000591/591979/R5_014ippan-(02.14).xlsx" TargetMode="External"/><Relationship Id="rId28" Type="http://schemas.openxmlformats.org/officeDocument/2006/relationships/hyperlink" Target="https://www.city.osaka.lg.jp/fukushi/cmsfiles/contents/0000591/591979/R5_019ippan-(02.14).xlsx" TargetMode="External"/><Relationship Id="rId36" Type="http://schemas.openxmlformats.org/officeDocument/2006/relationships/hyperlink" Target="https://www.city.osaka.lg.jp/fukushi/cmsfiles/contents/0000591/591979/R5_027ippan-(02.14).xlsx" TargetMode="External"/><Relationship Id="rId49" Type="http://schemas.openxmlformats.org/officeDocument/2006/relationships/hyperlink" Target="https://www.city.osaka.lg.jp/fukushi/cmsfiles/contents/0000591/591979/R5_040ippan-(02.14).xlsx" TargetMode="External"/><Relationship Id="rId57" Type="http://schemas.openxmlformats.org/officeDocument/2006/relationships/hyperlink" Target="https://www.city.osaka.lg.jp/fukushi/cmsfiles/contents/0000591/591979/R5_048ippan-(02.14).xlsx" TargetMode="External"/><Relationship Id="rId106" Type="http://schemas.openxmlformats.org/officeDocument/2006/relationships/hyperlink" Target="https://www.city.osaka.lg.jp/fukushi/cmsfiles/contents/0000591/591979/R5_097ippan-(02.14).xlsx" TargetMode="External"/><Relationship Id="rId114" Type="http://schemas.openxmlformats.org/officeDocument/2006/relationships/hyperlink" Target="https://www.city.osaka.lg.jp/fukushi/cmsfiles/contents/0000591/591979/R5_105ippan-(02.14).xlsx" TargetMode="External"/><Relationship Id="rId119" Type="http://schemas.openxmlformats.org/officeDocument/2006/relationships/hyperlink" Target="https://www.city.osaka.lg.jp/fukushi/cmsfiles/contents/0000591/591979/R5_110ippan-(02.14).xlsx" TargetMode="External"/><Relationship Id="rId127" Type="http://schemas.openxmlformats.org/officeDocument/2006/relationships/hyperlink" Target="https://www.city.osaka.lg.jp/fukushi/cmsfiles/contents/0000591/591979/R5_118ippan-(02.14).xlsx" TargetMode="External"/><Relationship Id="rId10" Type="http://schemas.openxmlformats.org/officeDocument/2006/relationships/hyperlink" Target="https://www.city.osaka.lg.jp/fukushi/cmsfiles/contents/0000591/591979/R5_001ippan-(02.14).xlsx" TargetMode="External"/><Relationship Id="rId31" Type="http://schemas.openxmlformats.org/officeDocument/2006/relationships/hyperlink" Target="https://www.city.osaka.lg.jp/fukushi/cmsfiles/contents/0000591/591979/R5_022ippan-(02.14).xlsx" TargetMode="External"/><Relationship Id="rId44" Type="http://schemas.openxmlformats.org/officeDocument/2006/relationships/hyperlink" Target="https://www.city.osaka.lg.jp/fukushi/cmsfiles/contents/0000591/591979/R5_035ippan-(02.14).xlsx" TargetMode="External"/><Relationship Id="rId52" Type="http://schemas.openxmlformats.org/officeDocument/2006/relationships/hyperlink" Target="https://www.city.osaka.lg.jp/fukushi/cmsfiles/contents/0000591/591979/R5_043ippan-(02.14).xlsx" TargetMode="External"/><Relationship Id="rId60" Type="http://schemas.openxmlformats.org/officeDocument/2006/relationships/hyperlink" Target="https://www.city.osaka.lg.jp/fukushi/cmsfiles/contents/0000591/591979/R5_051ippan-(02.14).xlsx" TargetMode="External"/><Relationship Id="rId65" Type="http://schemas.openxmlformats.org/officeDocument/2006/relationships/hyperlink" Target="https://www.city.osaka.lg.jp/fukushi/cmsfiles/contents/0000591/591979/R5_056ippan-(02.14).xlsx" TargetMode="External"/><Relationship Id="rId73" Type="http://schemas.openxmlformats.org/officeDocument/2006/relationships/hyperlink" Target="https://www.city.osaka.lg.jp/fukushi/cmsfiles/contents/0000591/591979/R5_064ippan-(02.14).xlsx" TargetMode="External"/><Relationship Id="rId78" Type="http://schemas.openxmlformats.org/officeDocument/2006/relationships/hyperlink" Target="https://www.city.osaka.lg.jp/fukushi/cmsfiles/contents/0000591/591979/R5_069ippan-(02.14).xlsx" TargetMode="External"/><Relationship Id="rId81" Type="http://schemas.openxmlformats.org/officeDocument/2006/relationships/hyperlink" Target="https://www.city.osaka.lg.jp/fukushi/cmsfiles/contents/0000591/591979/R5_072ippan-(02.14).xlsx" TargetMode="External"/><Relationship Id="rId86" Type="http://schemas.openxmlformats.org/officeDocument/2006/relationships/hyperlink" Target="https://www.city.osaka.lg.jp/fukushi/cmsfiles/contents/0000591/591979/R5_077ippan-(02.14).xlsx" TargetMode="External"/><Relationship Id="rId94" Type="http://schemas.openxmlformats.org/officeDocument/2006/relationships/hyperlink" Target="https://www.city.osaka.lg.jp/fukushi/cmsfiles/contents/0000591/591979/R5_085ippan-(02.14).xlsx" TargetMode="External"/><Relationship Id="rId99" Type="http://schemas.openxmlformats.org/officeDocument/2006/relationships/hyperlink" Target="https://www.city.osaka.lg.jp/fukushi/cmsfiles/contents/0000591/591979/R5_090ippan-(02.14).xlsx" TargetMode="External"/><Relationship Id="rId101" Type="http://schemas.openxmlformats.org/officeDocument/2006/relationships/hyperlink" Target="https://www.city.osaka.lg.jp/fukushi/cmsfiles/contents/0000591/591979/R5_092ippan-(02.14).xlsx" TargetMode="External"/><Relationship Id="rId122" Type="http://schemas.openxmlformats.org/officeDocument/2006/relationships/hyperlink" Target="https://www.city.osaka.lg.jp/fukushi/cmsfiles/contents/0000591/591979/R5_113ippan-(02.14).xlsx" TargetMode="External"/><Relationship Id="rId130" Type="http://schemas.openxmlformats.org/officeDocument/2006/relationships/hyperlink" Target="https://www.city.osaka.lg.jp/fukushi/cmsfiles/contents/0000591/591979/R5_121ippan-(02.14).xlsx" TargetMode="External"/><Relationship Id="rId135" Type="http://schemas.openxmlformats.org/officeDocument/2006/relationships/hyperlink" Target="https://www.city.osaka.lg.jp/fukushi/cmsfiles/contents/0000591/591979/R5_126ippan-(02.14).xlsx" TargetMode="External"/><Relationship Id="rId143" Type="http://schemas.openxmlformats.org/officeDocument/2006/relationships/hyperlink" Target="https://www.city.osaka.lg.jp/fukushi/cmsfiles/contents/0000591/591979/R5_134ippan-(02.14).xlsx" TargetMode="External"/><Relationship Id="rId148" Type="http://schemas.openxmlformats.org/officeDocument/2006/relationships/hyperlink" Target="https://www.city.osaka.lg.jp/fukushi/cmsfiles/contents/0000591/591979/R5_139ippan-(02.14).xlsx" TargetMode="External"/><Relationship Id="rId151" Type="http://schemas.openxmlformats.org/officeDocument/2006/relationships/hyperlink" Target="https://www.city.osaka.lg.jp/fukushi/cmsfiles/contents/0000591/591979/R5_142ippan-(02.14).xlsx" TargetMode="External"/><Relationship Id="rId156" Type="http://schemas.openxmlformats.org/officeDocument/2006/relationships/hyperlink" Target="https://www.city.osaka.lg.jp/fukushi/cmsfiles/contents/0000591/591979/R5_147ippan-(02.14).xlsx" TargetMode="External"/><Relationship Id="rId4" Type="http://schemas.openxmlformats.org/officeDocument/2006/relationships/printerSettings" Target="../printerSettings/printerSettings4.bin"/><Relationship Id="rId9" Type="http://schemas.openxmlformats.org/officeDocument/2006/relationships/printerSettings" Target="../printerSettings/printerSettings9.bin"/><Relationship Id="rId13" Type="http://schemas.openxmlformats.org/officeDocument/2006/relationships/hyperlink" Target="https://www.city.osaka.lg.jp/fukushi/cmsfiles/contents/0000591/591979/R5_004ippan-(02.14).xlsx" TargetMode="External"/><Relationship Id="rId18" Type="http://schemas.openxmlformats.org/officeDocument/2006/relationships/hyperlink" Target="https://www.city.osaka.lg.jp/fukushi/cmsfiles/contents/0000591/591979/R5_009ippan-(02.14).xlsx" TargetMode="External"/><Relationship Id="rId39" Type="http://schemas.openxmlformats.org/officeDocument/2006/relationships/hyperlink" Target="https://www.city.osaka.lg.jp/fukushi/cmsfiles/contents/0000591/591979/R5_030ippan-(02.14).xlsx" TargetMode="External"/><Relationship Id="rId109" Type="http://schemas.openxmlformats.org/officeDocument/2006/relationships/hyperlink" Target="https://www.city.osaka.lg.jp/fukushi/cmsfiles/contents/0000591/591979/R5_100ippan-(02.14).xlsx" TargetMode="External"/><Relationship Id="rId34" Type="http://schemas.openxmlformats.org/officeDocument/2006/relationships/hyperlink" Target="https://www.city.osaka.lg.jp/fukushi/cmsfiles/contents/0000591/591979/R5_025ippan-(02.14).xlsx" TargetMode="External"/><Relationship Id="rId50" Type="http://schemas.openxmlformats.org/officeDocument/2006/relationships/hyperlink" Target="https://www.city.osaka.lg.jp/fukushi/cmsfiles/contents/0000591/591979/R5_041ippan-(02.14).xlsx" TargetMode="External"/><Relationship Id="rId55" Type="http://schemas.openxmlformats.org/officeDocument/2006/relationships/hyperlink" Target="https://www.city.osaka.lg.jp/fukushi/cmsfiles/contents/0000591/591979/R5_046ippan-(02.14).xlsx" TargetMode="External"/><Relationship Id="rId76" Type="http://schemas.openxmlformats.org/officeDocument/2006/relationships/hyperlink" Target="https://www.city.osaka.lg.jp/fukushi/cmsfiles/contents/0000591/591979/R5_067ippan-(02.14).xlsx" TargetMode="External"/><Relationship Id="rId97" Type="http://schemas.openxmlformats.org/officeDocument/2006/relationships/hyperlink" Target="https://www.city.osaka.lg.jp/fukushi/cmsfiles/contents/0000591/591979/R5_088ippan-(02.14).xlsx" TargetMode="External"/><Relationship Id="rId104" Type="http://schemas.openxmlformats.org/officeDocument/2006/relationships/hyperlink" Target="https://www.city.osaka.lg.jp/fukushi/cmsfiles/contents/0000591/591979/R5_095ippan-(02.14).xlsx" TargetMode="External"/><Relationship Id="rId120" Type="http://schemas.openxmlformats.org/officeDocument/2006/relationships/hyperlink" Target="https://www.city.osaka.lg.jp/fukushi/cmsfiles/contents/0000591/591979/R5_111ippan-(02.14).xlsx" TargetMode="External"/><Relationship Id="rId125" Type="http://schemas.openxmlformats.org/officeDocument/2006/relationships/hyperlink" Target="https://www.city.osaka.lg.jp/fukushi/cmsfiles/contents/0000591/591979/R5_116ippan-(02.14).xlsx" TargetMode="External"/><Relationship Id="rId141" Type="http://schemas.openxmlformats.org/officeDocument/2006/relationships/hyperlink" Target="https://www.city.osaka.lg.jp/fukushi/cmsfiles/contents/0000591/591979/R5_132ippan-(02.14).xlsx" TargetMode="External"/><Relationship Id="rId146" Type="http://schemas.openxmlformats.org/officeDocument/2006/relationships/hyperlink" Target="https://www.city.osaka.lg.jp/fukushi/cmsfiles/contents/0000591/591979/R5_137ippan-(02.14).xlsx" TargetMode="External"/><Relationship Id="rId7" Type="http://schemas.openxmlformats.org/officeDocument/2006/relationships/printerSettings" Target="../printerSettings/printerSettings7.bin"/><Relationship Id="rId71" Type="http://schemas.openxmlformats.org/officeDocument/2006/relationships/hyperlink" Target="https://www.city.osaka.lg.jp/fukushi/cmsfiles/contents/0000591/591979/R5_062ippan-(02.14).xlsx" TargetMode="External"/><Relationship Id="rId92" Type="http://schemas.openxmlformats.org/officeDocument/2006/relationships/hyperlink" Target="https://www.city.osaka.lg.jp/fukushi/cmsfiles/contents/0000591/591979/R5_083ippan-(02.14).xlsx" TargetMode="External"/><Relationship Id="rId162" Type="http://schemas.openxmlformats.org/officeDocument/2006/relationships/hyperlink" Target="https://www.city.osaka.lg.jp/fukushi/cmsfiles/contents/0000591/591979/R5_153ippan-(02.14).xlsx" TargetMode="External"/><Relationship Id="rId2" Type="http://schemas.openxmlformats.org/officeDocument/2006/relationships/printerSettings" Target="../printerSettings/printerSettings2.bin"/><Relationship Id="rId29" Type="http://schemas.openxmlformats.org/officeDocument/2006/relationships/hyperlink" Target="https://www.city.osaka.lg.jp/fukushi/cmsfiles/contents/0000591/591979/R5_020ippan-(02.14).xlsx" TargetMode="External"/><Relationship Id="rId24" Type="http://schemas.openxmlformats.org/officeDocument/2006/relationships/hyperlink" Target="https://www.city.osaka.lg.jp/fukushi/cmsfiles/contents/0000591/591979/R5_015ippan-(02.14).xlsx" TargetMode="External"/><Relationship Id="rId40" Type="http://schemas.openxmlformats.org/officeDocument/2006/relationships/hyperlink" Target="https://www.city.osaka.lg.jp/fukushi/cmsfiles/contents/0000591/591979/R5_031ippan-(02.14).xlsx" TargetMode="External"/><Relationship Id="rId45" Type="http://schemas.openxmlformats.org/officeDocument/2006/relationships/hyperlink" Target="https://www.city.osaka.lg.jp/fukushi/cmsfiles/contents/0000591/591979/R5_036ippan-(02.14).xlsx" TargetMode="External"/><Relationship Id="rId66" Type="http://schemas.openxmlformats.org/officeDocument/2006/relationships/hyperlink" Target="https://www.city.osaka.lg.jp/fukushi/cmsfiles/contents/0000591/591979/R5_057ippan-(02.14).xlsx" TargetMode="External"/><Relationship Id="rId87" Type="http://schemas.openxmlformats.org/officeDocument/2006/relationships/hyperlink" Target="https://www.city.osaka.lg.jp/fukushi/cmsfiles/contents/0000591/591979/R5_078ippan-(02.14).xlsx" TargetMode="External"/><Relationship Id="rId110" Type="http://schemas.openxmlformats.org/officeDocument/2006/relationships/hyperlink" Target="https://www.city.osaka.lg.jp/fukushi/cmsfiles/contents/0000591/591979/R5_101ippan-(02.14).xlsx" TargetMode="External"/><Relationship Id="rId115" Type="http://schemas.openxmlformats.org/officeDocument/2006/relationships/hyperlink" Target="https://www.city.osaka.lg.jp/fukushi/cmsfiles/contents/0000591/591979/R5_106ippan-(02.14).xlsx" TargetMode="External"/><Relationship Id="rId131" Type="http://schemas.openxmlformats.org/officeDocument/2006/relationships/hyperlink" Target="https://www.city.osaka.lg.jp/fukushi/cmsfiles/contents/0000591/591979/R5_122ippan-(02.14).xlsx" TargetMode="External"/><Relationship Id="rId136" Type="http://schemas.openxmlformats.org/officeDocument/2006/relationships/hyperlink" Target="https://www.city.osaka.lg.jp/fukushi/cmsfiles/contents/0000591/591979/R5_127ippan-(02.14).xlsx" TargetMode="External"/><Relationship Id="rId157" Type="http://schemas.openxmlformats.org/officeDocument/2006/relationships/hyperlink" Target="https://www.city.osaka.lg.jp/fukushi/cmsfiles/contents/0000591/591979/R5_148ippan-(02.14).xlsx" TargetMode="External"/><Relationship Id="rId61" Type="http://schemas.openxmlformats.org/officeDocument/2006/relationships/hyperlink" Target="https://www.city.osaka.lg.jp/fukushi/cmsfiles/contents/0000591/591979/R5_052ippan-(02.14).xlsx" TargetMode="External"/><Relationship Id="rId82" Type="http://schemas.openxmlformats.org/officeDocument/2006/relationships/hyperlink" Target="https://www.city.osaka.lg.jp/fukushi/cmsfiles/contents/0000591/591979/R5_073ippan-(02.14).xlsx" TargetMode="External"/><Relationship Id="rId152" Type="http://schemas.openxmlformats.org/officeDocument/2006/relationships/hyperlink" Target="https://www.city.osaka.lg.jp/fukushi/cmsfiles/contents/0000591/591979/R5_143ippan-(02.14).xlsx" TargetMode="External"/><Relationship Id="rId19" Type="http://schemas.openxmlformats.org/officeDocument/2006/relationships/hyperlink" Target="https://www.city.osaka.lg.jp/fukushi/cmsfiles/contents/0000591/591979/R5_010ippan-(02.14).xlsx" TargetMode="External"/><Relationship Id="rId14" Type="http://schemas.openxmlformats.org/officeDocument/2006/relationships/hyperlink" Target="https://www.city.osaka.lg.jp/fukushi/cmsfiles/contents/0000591/591979/R5_005ippan-(02.14).xlsx" TargetMode="External"/><Relationship Id="rId30" Type="http://schemas.openxmlformats.org/officeDocument/2006/relationships/hyperlink" Target="https://www.city.osaka.lg.jp/fukushi/cmsfiles/contents/0000591/591979/R5_021ippan-(02.14).xlsx" TargetMode="External"/><Relationship Id="rId35" Type="http://schemas.openxmlformats.org/officeDocument/2006/relationships/hyperlink" Target="https://www.city.osaka.lg.jp/fukushi/cmsfiles/contents/0000591/591979/R5_026ippan-(02.14).xlsx" TargetMode="External"/><Relationship Id="rId56" Type="http://schemas.openxmlformats.org/officeDocument/2006/relationships/hyperlink" Target="https://www.city.osaka.lg.jp/fukushi/cmsfiles/contents/0000591/591979/R5_047ippan-(02.14).xlsx" TargetMode="External"/><Relationship Id="rId77" Type="http://schemas.openxmlformats.org/officeDocument/2006/relationships/hyperlink" Target="https://www.city.osaka.lg.jp/fukushi/cmsfiles/contents/0000591/591979/R5_068ippan-(02.14).xlsx" TargetMode="External"/><Relationship Id="rId100" Type="http://schemas.openxmlformats.org/officeDocument/2006/relationships/hyperlink" Target="https://www.city.osaka.lg.jp/fukushi/cmsfiles/contents/0000591/591979/R5_091ippan-(02.14).xlsx" TargetMode="External"/><Relationship Id="rId105" Type="http://schemas.openxmlformats.org/officeDocument/2006/relationships/hyperlink" Target="https://www.city.osaka.lg.jp/fukushi/cmsfiles/contents/0000591/591979/R5_096ippan-(02.14).xlsx" TargetMode="External"/><Relationship Id="rId126" Type="http://schemas.openxmlformats.org/officeDocument/2006/relationships/hyperlink" Target="https://www.city.osaka.lg.jp/fukushi/cmsfiles/contents/0000591/591979/R5_117ippan-(02.14).xlsx" TargetMode="External"/><Relationship Id="rId147" Type="http://schemas.openxmlformats.org/officeDocument/2006/relationships/hyperlink" Target="https://www.city.osaka.lg.jp/fukushi/cmsfiles/contents/0000591/591979/R5_138ippan-(02.14).xlsx" TargetMode="External"/><Relationship Id="rId8" Type="http://schemas.openxmlformats.org/officeDocument/2006/relationships/printerSettings" Target="../printerSettings/printerSettings8.bin"/><Relationship Id="rId51" Type="http://schemas.openxmlformats.org/officeDocument/2006/relationships/hyperlink" Target="https://www.city.osaka.lg.jp/fukushi/cmsfiles/contents/0000591/591979/R5_042ippan-(02.14).xlsx" TargetMode="External"/><Relationship Id="rId72" Type="http://schemas.openxmlformats.org/officeDocument/2006/relationships/hyperlink" Target="https://www.city.osaka.lg.jp/fukushi/cmsfiles/contents/0000591/591979/R5_063ippan-(02.14).xlsx" TargetMode="External"/><Relationship Id="rId93" Type="http://schemas.openxmlformats.org/officeDocument/2006/relationships/hyperlink" Target="https://www.city.osaka.lg.jp/fukushi/cmsfiles/contents/0000591/591979/R5_084ippan-(02.14).xlsx" TargetMode="External"/><Relationship Id="rId98" Type="http://schemas.openxmlformats.org/officeDocument/2006/relationships/hyperlink" Target="https://www.city.osaka.lg.jp/fukushi/cmsfiles/contents/0000591/591979/R5_089ippan-(02.14).xlsx" TargetMode="External"/><Relationship Id="rId121" Type="http://schemas.openxmlformats.org/officeDocument/2006/relationships/hyperlink" Target="https://www.city.osaka.lg.jp/fukushi/cmsfiles/contents/0000591/591979/R5_112ippan-(02.14).xlsx" TargetMode="External"/><Relationship Id="rId142" Type="http://schemas.openxmlformats.org/officeDocument/2006/relationships/hyperlink" Target="https://www.city.osaka.lg.jp/fukushi/cmsfiles/contents/0000591/591979/R5_133ippan-(02.14).xlsx" TargetMode="External"/><Relationship Id="rId163" Type="http://schemas.openxmlformats.org/officeDocument/2006/relationships/printerSettings" Target="../printerSettings/printerSettings10.bin"/><Relationship Id="rId3" Type="http://schemas.openxmlformats.org/officeDocument/2006/relationships/printerSettings" Target="../printerSettings/printerSettings3.bin"/><Relationship Id="rId25" Type="http://schemas.openxmlformats.org/officeDocument/2006/relationships/hyperlink" Target="https://www.city.osaka.lg.jp/fukushi/cmsfiles/contents/0000591/591979/R5_016ippan-(02.14).xlsx" TargetMode="External"/><Relationship Id="rId46" Type="http://schemas.openxmlformats.org/officeDocument/2006/relationships/hyperlink" Target="https://www.city.osaka.lg.jp/fukushi/cmsfiles/contents/0000591/591979/R5_037ippan-(02.14).xlsx" TargetMode="External"/><Relationship Id="rId67" Type="http://schemas.openxmlformats.org/officeDocument/2006/relationships/hyperlink" Target="https://www.city.osaka.lg.jp/fukushi/cmsfiles/contents/0000591/591979/R5_058ippan-(02.14).xlsx" TargetMode="External"/><Relationship Id="rId116" Type="http://schemas.openxmlformats.org/officeDocument/2006/relationships/hyperlink" Target="https://www.city.osaka.lg.jp/fukushi/cmsfiles/contents/0000591/591979/R5_107ippan-(02.14).xlsx" TargetMode="External"/><Relationship Id="rId137" Type="http://schemas.openxmlformats.org/officeDocument/2006/relationships/hyperlink" Target="https://www.city.osaka.lg.jp/fukushi/cmsfiles/contents/0000591/591979/R5_128ippan-(02.14).xlsx" TargetMode="External"/><Relationship Id="rId158" Type="http://schemas.openxmlformats.org/officeDocument/2006/relationships/hyperlink" Target="https://www.city.osaka.lg.jp/fukushi/cmsfiles/contents/0000591/591979/R5_149ippan-(02.14).xlsx" TargetMode="External"/><Relationship Id="rId20" Type="http://schemas.openxmlformats.org/officeDocument/2006/relationships/hyperlink" Target="https://www.city.osaka.lg.jp/fukushi/cmsfiles/contents/0000591/591979/R5_011ippan-(02.14).xlsx" TargetMode="External"/><Relationship Id="rId41" Type="http://schemas.openxmlformats.org/officeDocument/2006/relationships/hyperlink" Target="https://www.city.osaka.lg.jp/fukushi/cmsfiles/contents/0000591/591979/R5_032ippan-(02.14).xlsx" TargetMode="External"/><Relationship Id="rId62" Type="http://schemas.openxmlformats.org/officeDocument/2006/relationships/hyperlink" Target="https://www.city.osaka.lg.jp/fukushi/cmsfiles/contents/0000591/591979/R5_053ippan-(02.14).xlsx" TargetMode="External"/><Relationship Id="rId83" Type="http://schemas.openxmlformats.org/officeDocument/2006/relationships/hyperlink" Target="https://www.city.osaka.lg.jp/fukushi/cmsfiles/contents/0000591/591979/R5_074ippan-(02.14).xlsx" TargetMode="External"/><Relationship Id="rId88" Type="http://schemas.openxmlformats.org/officeDocument/2006/relationships/hyperlink" Target="https://www.city.osaka.lg.jp/fukushi/cmsfiles/contents/0000591/591979/R5_079ippan-(02.14).xlsx" TargetMode="External"/><Relationship Id="rId111" Type="http://schemas.openxmlformats.org/officeDocument/2006/relationships/hyperlink" Target="https://www.city.osaka.lg.jp/fukushi/cmsfiles/contents/0000591/591979/R5_102ippan-(02.14).xlsx" TargetMode="External"/><Relationship Id="rId132" Type="http://schemas.openxmlformats.org/officeDocument/2006/relationships/hyperlink" Target="https://www.city.osaka.lg.jp/fukushi/cmsfiles/contents/0000591/591979/R5_123ippan-(02.14).xlsx" TargetMode="External"/><Relationship Id="rId153" Type="http://schemas.openxmlformats.org/officeDocument/2006/relationships/hyperlink" Target="https://www.city.osaka.lg.jp/fukushi/cmsfiles/contents/0000591/591979/R5_144ippan-(02.14)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tabColor rgb="FFFFFF00"/>
    <pageSetUpPr fitToPage="1"/>
  </sheetPr>
  <dimension ref="A1:X376"/>
  <sheetViews>
    <sheetView tabSelected="1" view="pageBreakPreview" zoomScale="85" zoomScaleNormal="100" zoomScaleSheetLayoutView="100" workbookViewId="0"/>
  </sheetViews>
  <sheetFormatPr defaultColWidth="8.625" defaultRowHeight="18" customHeight="1"/>
  <cols>
    <col min="1" max="1" width="3.75" style="1" customWidth="1"/>
    <col min="2" max="2" width="12.5" style="1" customWidth="1"/>
    <col min="3" max="3" width="23.75" style="12" customWidth="1"/>
    <col min="4" max="4" width="17.5" style="1" customWidth="1"/>
    <col min="5" max="5" width="12.5" style="1" customWidth="1"/>
    <col min="6" max="7" width="12.5" style="2" customWidth="1"/>
    <col min="8" max="8" width="6.25" style="1" customWidth="1"/>
    <col min="9" max="9" width="9.375" style="1" customWidth="1"/>
    <col min="10" max="10" width="5.125" style="11" customWidth="1"/>
    <col min="11" max="11" width="11.25" style="11" customWidth="1"/>
    <col min="12" max="12" width="11.25" style="1" customWidth="1"/>
    <col min="13" max="221" width="8.625" style="1" customWidth="1"/>
    <col min="222" max="16384" width="8.625" style="1"/>
  </cols>
  <sheetData>
    <row r="1" spans="1:9" s="1" customFormat="1" ht="17.25" customHeight="1">
      <c r="C1" s="12"/>
      <c r="F1" s="2"/>
      <c r="G1" s="13"/>
    </row>
    <row r="2" spans="1:9" s="1" customFormat="1" ht="17.25" customHeight="1">
      <c r="C2" s="12"/>
      <c r="F2" s="2"/>
      <c r="G2" s="13"/>
    </row>
    <row r="3" spans="1:9" s="1" customFormat="1" ht="17.25" customHeight="1">
      <c r="C3" s="12"/>
      <c r="F3" s="2"/>
      <c r="G3" s="13"/>
    </row>
    <row r="4" spans="1:9" s="1" customFormat="1" ht="17.25" customHeight="1">
      <c r="C4" s="12"/>
      <c r="F4" s="2"/>
      <c r="G4" s="13"/>
    </row>
    <row r="5" spans="1:9" s="1" customFormat="1" ht="18" customHeight="1">
      <c r="A5" s="14" t="s">
        <v>15</v>
      </c>
      <c r="B5" s="14"/>
      <c r="C5" s="12"/>
      <c r="F5" s="2"/>
      <c r="H5" s="15"/>
      <c r="I5" s="15"/>
    </row>
    <row r="6" spans="1:9" s="1" customFormat="1" ht="15" customHeight="1">
      <c r="C6" s="12"/>
      <c r="F6" s="2"/>
    </row>
    <row r="7" spans="1:9" s="1" customFormat="1" ht="18" customHeight="1">
      <c r="A7" s="16" t="s">
        <v>16</v>
      </c>
      <c r="B7" s="16"/>
      <c r="C7" s="12"/>
      <c r="F7" s="16"/>
      <c r="G7" s="16"/>
      <c r="I7" s="17" t="s">
        <v>197</v>
      </c>
    </row>
    <row r="8" spans="1:9" s="1" customFormat="1" ht="10.5" customHeight="1">
      <c r="C8" s="12"/>
      <c r="F8" s="16"/>
      <c r="G8" s="16"/>
    </row>
    <row r="9" spans="1:9" s="1" customFormat="1" ht="27" customHeight="1" thickBot="1">
      <c r="C9" s="12"/>
      <c r="E9" s="101" t="s">
        <v>0</v>
      </c>
      <c r="F9" s="101"/>
      <c r="G9" s="18"/>
      <c r="I9" s="19" t="s">
        <v>1</v>
      </c>
    </row>
    <row r="10" spans="1:9" s="1" customFormat="1" ht="15" customHeight="1">
      <c r="A10" s="20" t="s">
        <v>2</v>
      </c>
      <c r="B10" s="21" t="s">
        <v>12</v>
      </c>
      <c r="C10" s="88" t="s">
        <v>10</v>
      </c>
      <c r="D10" s="90" t="s">
        <v>13</v>
      </c>
      <c r="E10" s="22" t="s">
        <v>211</v>
      </c>
      <c r="F10" s="21" t="s">
        <v>212</v>
      </c>
      <c r="G10" s="22" t="s">
        <v>8</v>
      </c>
      <c r="H10" s="91" t="s">
        <v>11</v>
      </c>
      <c r="I10" s="92"/>
    </row>
    <row r="11" spans="1:9" s="1" customFormat="1" ht="15" customHeight="1">
      <c r="A11" s="23" t="s">
        <v>3</v>
      </c>
      <c r="B11" s="24" t="s">
        <v>6</v>
      </c>
      <c r="C11" s="89"/>
      <c r="D11" s="89"/>
      <c r="E11" s="25" t="s">
        <v>14</v>
      </c>
      <c r="F11" s="25" t="s">
        <v>240</v>
      </c>
      <c r="G11" s="25" t="s">
        <v>9</v>
      </c>
      <c r="H11" s="93"/>
      <c r="I11" s="94"/>
    </row>
    <row r="12" spans="1:9" s="1" customFormat="1" ht="15" customHeight="1">
      <c r="A12" s="84">
        <v>1</v>
      </c>
      <c r="B12" s="97" t="s">
        <v>17</v>
      </c>
      <c r="C12" s="79" t="s">
        <v>77</v>
      </c>
      <c r="D12" s="81" t="s">
        <v>18</v>
      </c>
      <c r="E12" s="26">
        <v>5879788</v>
      </c>
      <c r="F12" s="26">
        <v>5736382</v>
      </c>
      <c r="G12" s="27">
        <v>-143406</v>
      </c>
      <c r="H12" s="99"/>
      <c r="I12" s="28"/>
    </row>
    <row r="13" spans="1:9" s="1" customFormat="1" ht="15" customHeight="1">
      <c r="A13" s="84"/>
      <c r="B13" s="98"/>
      <c r="C13" s="80"/>
      <c r="D13" s="82"/>
      <c r="E13" s="29">
        <v>5879788</v>
      </c>
      <c r="F13" s="29">
        <v>5736382</v>
      </c>
      <c r="G13" s="30">
        <v>-143406</v>
      </c>
      <c r="H13" s="100"/>
      <c r="I13" s="31"/>
    </row>
    <row r="14" spans="1:9" s="1" customFormat="1" ht="14.25" customHeight="1">
      <c r="A14" s="95" t="s">
        <v>19</v>
      </c>
      <c r="B14" s="96"/>
      <c r="C14" s="96"/>
      <c r="D14" s="96"/>
      <c r="E14" s="32">
        <v>5879788</v>
      </c>
      <c r="F14" s="32">
        <v>5736382</v>
      </c>
      <c r="G14" s="27">
        <v>-143406</v>
      </c>
      <c r="H14" s="67"/>
      <c r="I14" s="34"/>
    </row>
    <row r="15" spans="1:9" s="1" customFormat="1" ht="14.25" customHeight="1">
      <c r="A15" s="95"/>
      <c r="B15" s="96"/>
      <c r="C15" s="96"/>
      <c r="D15" s="96"/>
      <c r="E15" s="35">
        <v>5879788</v>
      </c>
      <c r="F15" s="35">
        <v>5736382</v>
      </c>
      <c r="G15" s="30">
        <v>-143406</v>
      </c>
      <c r="H15" s="68"/>
      <c r="I15" s="37"/>
    </row>
    <row r="16" spans="1:9" s="1" customFormat="1" ht="15" customHeight="1">
      <c r="A16" s="84">
        <v>2</v>
      </c>
      <c r="B16" s="83" t="s">
        <v>7</v>
      </c>
      <c r="C16" s="76" t="s">
        <v>78</v>
      </c>
      <c r="D16" s="73" t="s">
        <v>20</v>
      </c>
      <c r="E16" s="32">
        <v>42075</v>
      </c>
      <c r="F16" s="32">
        <v>44440</v>
      </c>
      <c r="G16" s="27">
        <v>2365</v>
      </c>
      <c r="H16" s="67" t="s">
        <v>74</v>
      </c>
      <c r="I16" s="34">
        <v>1489</v>
      </c>
    </row>
    <row r="17" spans="1:9" s="1" customFormat="1" ht="15" customHeight="1">
      <c r="A17" s="84"/>
      <c r="B17" s="83"/>
      <c r="C17" s="76"/>
      <c r="D17" s="73"/>
      <c r="E17" s="35">
        <v>26749</v>
      </c>
      <c r="F17" s="35">
        <v>31757</v>
      </c>
      <c r="G17" s="30">
        <v>5008</v>
      </c>
      <c r="H17" s="68"/>
      <c r="I17" s="37">
        <v>744</v>
      </c>
    </row>
    <row r="18" spans="1:9" s="1" customFormat="1" ht="15" customHeight="1">
      <c r="A18" s="69">
        <v>3</v>
      </c>
      <c r="B18" s="83" t="s">
        <v>7</v>
      </c>
      <c r="C18" s="76" t="s">
        <v>79</v>
      </c>
      <c r="D18" s="73" t="s">
        <v>20</v>
      </c>
      <c r="E18" s="32">
        <v>100817</v>
      </c>
      <c r="F18" s="32">
        <v>100289</v>
      </c>
      <c r="G18" s="27">
        <v>-528</v>
      </c>
      <c r="H18" s="67"/>
      <c r="I18" s="34"/>
    </row>
    <row r="19" spans="1:9" s="1" customFormat="1" ht="15" customHeight="1">
      <c r="A19" s="70"/>
      <c r="B19" s="83"/>
      <c r="C19" s="76"/>
      <c r="D19" s="73"/>
      <c r="E19" s="38">
        <v>69917</v>
      </c>
      <c r="F19" s="38">
        <v>69389</v>
      </c>
      <c r="G19" s="30">
        <v>-528</v>
      </c>
      <c r="H19" s="68"/>
      <c r="I19" s="37"/>
    </row>
    <row r="20" spans="1:9" s="1" customFormat="1" ht="15" customHeight="1">
      <c r="A20" s="69">
        <v>4</v>
      </c>
      <c r="B20" s="83" t="s">
        <v>7</v>
      </c>
      <c r="C20" s="76" t="s">
        <v>80</v>
      </c>
      <c r="D20" s="73" t="s">
        <v>20</v>
      </c>
      <c r="E20" s="32">
        <v>1346702</v>
      </c>
      <c r="F20" s="32">
        <v>1347335</v>
      </c>
      <c r="G20" s="27">
        <v>633</v>
      </c>
      <c r="H20" s="67" t="s">
        <v>75</v>
      </c>
      <c r="I20" s="34"/>
    </row>
    <row r="21" spans="1:9" s="1" customFormat="1" ht="15" customHeight="1">
      <c r="A21" s="70"/>
      <c r="B21" s="83"/>
      <c r="C21" s="76"/>
      <c r="D21" s="73"/>
      <c r="E21" s="35">
        <v>1285049</v>
      </c>
      <c r="F21" s="35">
        <v>1285951</v>
      </c>
      <c r="G21" s="30">
        <v>902</v>
      </c>
      <c r="H21" s="68"/>
      <c r="I21" s="37"/>
    </row>
    <row r="22" spans="1:9" s="1" customFormat="1" ht="18" customHeight="1">
      <c r="A22" s="69">
        <v>5</v>
      </c>
      <c r="B22" s="83" t="s">
        <v>7</v>
      </c>
      <c r="C22" s="76" t="s">
        <v>81</v>
      </c>
      <c r="D22" s="73" t="s">
        <v>20</v>
      </c>
      <c r="E22" s="32">
        <v>499052</v>
      </c>
      <c r="F22" s="32">
        <v>499052</v>
      </c>
      <c r="G22" s="27">
        <v>0</v>
      </c>
      <c r="H22" s="67" t="s">
        <v>74</v>
      </c>
      <c r="I22" s="34">
        <v>499052</v>
      </c>
    </row>
    <row r="23" spans="1:9" s="1" customFormat="1" ht="18" customHeight="1">
      <c r="A23" s="70"/>
      <c r="B23" s="83"/>
      <c r="C23" s="76"/>
      <c r="D23" s="73"/>
      <c r="E23" s="35">
        <v>419852</v>
      </c>
      <c r="F23" s="35">
        <v>419852</v>
      </c>
      <c r="G23" s="30">
        <v>0</v>
      </c>
      <c r="H23" s="68"/>
      <c r="I23" s="37">
        <v>419852</v>
      </c>
    </row>
    <row r="24" spans="1:9" s="1" customFormat="1" ht="15" customHeight="1">
      <c r="A24" s="69">
        <v>6</v>
      </c>
      <c r="B24" s="83" t="s">
        <v>7</v>
      </c>
      <c r="C24" s="76" t="s">
        <v>82</v>
      </c>
      <c r="D24" s="73" t="s">
        <v>20</v>
      </c>
      <c r="E24" s="32">
        <v>560924</v>
      </c>
      <c r="F24" s="32">
        <v>552871</v>
      </c>
      <c r="G24" s="27">
        <v>-8053</v>
      </c>
      <c r="H24" s="67" t="s">
        <v>4</v>
      </c>
      <c r="I24" s="34"/>
    </row>
    <row r="25" spans="1:9" s="1" customFormat="1" ht="15" customHeight="1">
      <c r="A25" s="70"/>
      <c r="B25" s="83"/>
      <c r="C25" s="76"/>
      <c r="D25" s="73"/>
      <c r="E25" s="35">
        <v>276105</v>
      </c>
      <c r="F25" s="35">
        <v>272079</v>
      </c>
      <c r="G25" s="30">
        <v>-4026</v>
      </c>
      <c r="H25" s="68"/>
      <c r="I25" s="37"/>
    </row>
    <row r="26" spans="1:9" s="1" customFormat="1" ht="15" customHeight="1">
      <c r="A26" s="69">
        <v>7</v>
      </c>
      <c r="B26" s="83" t="s">
        <v>7</v>
      </c>
      <c r="C26" s="76" t="s">
        <v>83</v>
      </c>
      <c r="D26" s="73" t="s">
        <v>20</v>
      </c>
      <c r="E26" s="32">
        <v>282487</v>
      </c>
      <c r="F26" s="32">
        <v>279940</v>
      </c>
      <c r="G26" s="27">
        <v>-2547</v>
      </c>
      <c r="H26" s="67" t="s">
        <v>74</v>
      </c>
      <c r="I26" s="34">
        <v>297</v>
      </c>
    </row>
    <row r="27" spans="1:9" s="1" customFormat="1" ht="15" customHeight="1">
      <c r="A27" s="70"/>
      <c r="B27" s="83"/>
      <c r="C27" s="76"/>
      <c r="D27" s="73"/>
      <c r="E27" s="35">
        <v>270341</v>
      </c>
      <c r="F27" s="35">
        <v>267553</v>
      </c>
      <c r="G27" s="30">
        <v>-2788</v>
      </c>
      <c r="H27" s="68"/>
      <c r="I27" s="37">
        <v>297</v>
      </c>
    </row>
    <row r="28" spans="1:9" s="1" customFormat="1" ht="15" customHeight="1">
      <c r="A28" s="69">
        <v>8</v>
      </c>
      <c r="B28" s="83" t="s">
        <v>7</v>
      </c>
      <c r="C28" s="76" t="s">
        <v>84</v>
      </c>
      <c r="D28" s="73" t="s">
        <v>20</v>
      </c>
      <c r="E28" s="32">
        <v>13791</v>
      </c>
      <c r="F28" s="32">
        <v>13863</v>
      </c>
      <c r="G28" s="27">
        <v>72</v>
      </c>
      <c r="H28" s="67" t="s">
        <v>4</v>
      </c>
      <c r="I28" s="34"/>
    </row>
    <row r="29" spans="1:9" s="1" customFormat="1" ht="15" customHeight="1">
      <c r="A29" s="70"/>
      <c r="B29" s="83"/>
      <c r="C29" s="76"/>
      <c r="D29" s="73"/>
      <c r="E29" s="35">
        <v>11291</v>
      </c>
      <c r="F29" s="35">
        <v>11363</v>
      </c>
      <c r="G29" s="30">
        <v>72</v>
      </c>
      <c r="H29" s="68"/>
      <c r="I29" s="37"/>
    </row>
    <row r="30" spans="1:9" s="1" customFormat="1" ht="15" customHeight="1">
      <c r="A30" s="69">
        <v>9</v>
      </c>
      <c r="B30" s="83" t="s">
        <v>7</v>
      </c>
      <c r="C30" s="76" t="s">
        <v>85</v>
      </c>
      <c r="D30" s="73" t="s">
        <v>20</v>
      </c>
      <c r="E30" s="32">
        <v>1265</v>
      </c>
      <c r="F30" s="32">
        <v>1253</v>
      </c>
      <c r="G30" s="27">
        <v>-12</v>
      </c>
      <c r="H30" s="67" t="s">
        <v>4</v>
      </c>
      <c r="I30" s="34"/>
    </row>
    <row r="31" spans="1:9" s="1" customFormat="1" ht="15" customHeight="1">
      <c r="A31" s="70"/>
      <c r="B31" s="83"/>
      <c r="C31" s="76"/>
      <c r="D31" s="73"/>
      <c r="E31" s="35">
        <v>1265</v>
      </c>
      <c r="F31" s="35">
        <v>1253</v>
      </c>
      <c r="G31" s="30">
        <v>-12</v>
      </c>
      <c r="H31" s="68"/>
      <c r="I31" s="37"/>
    </row>
    <row r="32" spans="1:9" s="1" customFormat="1" ht="15" customHeight="1">
      <c r="A32" s="69">
        <v>10</v>
      </c>
      <c r="B32" s="83" t="s">
        <v>7</v>
      </c>
      <c r="C32" s="76" t="s">
        <v>86</v>
      </c>
      <c r="D32" s="73" t="s">
        <v>20</v>
      </c>
      <c r="E32" s="32">
        <v>12601</v>
      </c>
      <c r="F32" s="32">
        <v>11233</v>
      </c>
      <c r="G32" s="27">
        <v>-1368</v>
      </c>
      <c r="H32" s="67" t="s">
        <v>4</v>
      </c>
      <c r="I32" s="34"/>
    </row>
    <row r="33" spans="1:21" ht="15" customHeight="1">
      <c r="A33" s="70"/>
      <c r="B33" s="83"/>
      <c r="C33" s="76"/>
      <c r="D33" s="73"/>
      <c r="E33" s="35">
        <v>12601</v>
      </c>
      <c r="F33" s="35">
        <v>11233</v>
      </c>
      <c r="G33" s="30">
        <v>-1368</v>
      </c>
      <c r="H33" s="68"/>
      <c r="I33" s="37"/>
      <c r="J33" s="1"/>
      <c r="K33" s="1"/>
    </row>
    <row r="34" spans="1:21" ht="15" customHeight="1">
      <c r="A34" s="69">
        <v>11</v>
      </c>
      <c r="B34" s="83" t="s">
        <v>7</v>
      </c>
      <c r="C34" s="76" t="s">
        <v>219</v>
      </c>
      <c r="D34" s="73" t="s">
        <v>220</v>
      </c>
      <c r="E34" s="32">
        <v>0</v>
      </c>
      <c r="F34" s="32">
        <v>3000</v>
      </c>
      <c r="G34" s="27">
        <v>3000</v>
      </c>
      <c r="H34" s="67" t="s">
        <v>4</v>
      </c>
      <c r="I34" s="34"/>
      <c r="J34" s="1"/>
      <c r="K34" s="1"/>
    </row>
    <row r="35" spans="1:21" ht="15" customHeight="1">
      <c r="A35" s="70"/>
      <c r="B35" s="83"/>
      <c r="C35" s="76"/>
      <c r="D35" s="73"/>
      <c r="E35" s="35">
        <v>0</v>
      </c>
      <c r="F35" s="35">
        <v>0</v>
      </c>
      <c r="G35" s="30">
        <v>0</v>
      </c>
      <c r="H35" s="68"/>
      <c r="I35" s="37"/>
      <c r="J35" s="1"/>
      <c r="K35" s="1"/>
    </row>
    <row r="36" spans="1:21" ht="15" customHeight="1">
      <c r="A36" s="69">
        <v>12</v>
      </c>
      <c r="B36" s="83" t="s">
        <v>7</v>
      </c>
      <c r="C36" s="76" t="s">
        <v>87</v>
      </c>
      <c r="D36" s="73" t="s">
        <v>21</v>
      </c>
      <c r="E36" s="32">
        <v>158838</v>
      </c>
      <c r="F36" s="32">
        <v>203889</v>
      </c>
      <c r="G36" s="27">
        <v>45051</v>
      </c>
      <c r="H36" s="67" t="s">
        <v>4</v>
      </c>
      <c r="I36" s="34"/>
      <c r="J36" s="1"/>
      <c r="K36" s="1"/>
    </row>
    <row r="37" spans="1:21" ht="15" customHeight="1">
      <c r="A37" s="70"/>
      <c r="B37" s="83"/>
      <c r="C37" s="76"/>
      <c r="D37" s="73"/>
      <c r="E37" s="35">
        <v>137416</v>
      </c>
      <c r="F37" s="35">
        <v>156412</v>
      </c>
      <c r="G37" s="30">
        <v>18996</v>
      </c>
      <c r="H37" s="68"/>
      <c r="I37" s="37"/>
      <c r="J37" s="1"/>
      <c r="K37" s="1"/>
    </row>
    <row r="38" spans="1:21" ht="15" customHeight="1">
      <c r="A38" s="69">
        <v>13</v>
      </c>
      <c r="B38" s="83" t="s">
        <v>7</v>
      </c>
      <c r="C38" s="76" t="s">
        <v>88</v>
      </c>
      <c r="D38" s="81" t="s">
        <v>22</v>
      </c>
      <c r="E38" s="32">
        <v>3073</v>
      </c>
      <c r="F38" s="32">
        <v>3676</v>
      </c>
      <c r="G38" s="27">
        <v>603</v>
      </c>
      <c r="H38" s="67" t="s">
        <v>4</v>
      </c>
      <c r="I38" s="34"/>
      <c r="J38" s="1"/>
      <c r="K38" s="1"/>
    </row>
    <row r="39" spans="1:21" ht="15" customHeight="1">
      <c r="A39" s="70"/>
      <c r="B39" s="83"/>
      <c r="C39" s="76"/>
      <c r="D39" s="82"/>
      <c r="E39" s="35">
        <v>3073</v>
      </c>
      <c r="F39" s="35">
        <v>3676</v>
      </c>
      <c r="G39" s="30">
        <v>603</v>
      </c>
      <c r="H39" s="68"/>
      <c r="I39" s="37"/>
      <c r="J39" s="1"/>
      <c r="K39" s="1"/>
    </row>
    <row r="40" spans="1:21" ht="15" customHeight="1">
      <c r="A40" s="69">
        <v>14</v>
      </c>
      <c r="B40" s="83" t="s">
        <v>7</v>
      </c>
      <c r="C40" s="76" t="s">
        <v>89</v>
      </c>
      <c r="D40" s="73" t="s">
        <v>23</v>
      </c>
      <c r="E40" s="32">
        <v>34915</v>
      </c>
      <c r="F40" s="32">
        <v>30112</v>
      </c>
      <c r="G40" s="27">
        <v>-4803</v>
      </c>
      <c r="H40" s="67" t="s">
        <v>4</v>
      </c>
      <c r="I40" s="34"/>
      <c r="J40" s="1"/>
      <c r="K40" s="1"/>
      <c r="N40" s="4"/>
      <c r="O40" s="4"/>
      <c r="P40" s="4"/>
      <c r="Q40" s="39"/>
    </row>
    <row r="41" spans="1:21" ht="15" customHeight="1">
      <c r="A41" s="70"/>
      <c r="B41" s="83"/>
      <c r="C41" s="76"/>
      <c r="D41" s="73"/>
      <c r="E41" s="35">
        <v>34915</v>
      </c>
      <c r="F41" s="35">
        <v>30112</v>
      </c>
      <c r="G41" s="30">
        <v>-4803</v>
      </c>
      <c r="H41" s="68"/>
      <c r="I41" s="37"/>
      <c r="J41" s="1"/>
      <c r="K41" s="1"/>
      <c r="L41" s="40"/>
      <c r="N41" s="4"/>
      <c r="O41" s="4"/>
      <c r="P41" s="4"/>
      <c r="Q41" s="39"/>
    </row>
    <row r="42" spans="1:21" ht="15" customHeight="1">
      <c r="A42" s="69">
        <v>15</v>
      </c>
      <c r="B42" s="83" t="s">
        <v>7</v>
      </c>
      <c r="C42" s="76" t="s">
        <v>209</v>
      </c>
      <c r="D42" s="73" t="s">
        <v>23</v>
      </c>
      <c r="E42" s="32">
        <v>14555</v>
      </c>
      <c r="F42" s="32">
        <v>27172</v>
      </c>
      <c r="G42" s="27">
        <v>12617</v>
      </c>
      <c r="H42" s="67" t="s">
        <v>4</v>
      </c>
      <c r="I42" s="34"/>
      <c r="J42" s="1"/>
      <c r="K42" s="1"/>
    </row>
    <row r="43" spans="1:21" ht="15" customHeight="1">
      <c r="A43" s="70"/>
      <c r="B43" s="83"/>
      <c r="C43" s="76"/>
      <c r="D43" s="73"/>
      <c r="E43" s="35">
        <v>2990</v>
      </c>
      <c r="F43" s="35">
        <v>22869</v>
      </c>
      <c r="G43" s="30">
        <v>19879</v>
      </c>
      <c r="H43" s="68"/>
      <c r="I43" s="37"/>
      <c r="J43" s="1"/>
      <c r="K43" s="1"/>
    </row>
    <row r="44" spans="1:21" ht="15" customHeight="1">
      <c r="A44" s="95" t="s">
        <v>195</v>
      </c>
      <c r="B44" s="96"/>
      <c r="C44" s="96"/>
      <c r="D44" s="96"/>
      <c r="E44" s="32">
        <v>3071095</v>
      </c>
      <c r="F44" s="32">
        <v>3118125</v>
      </c>
      <c r="G44" s="27">
        <v>47030</v>
      </c>
      <c r="H44" s="67" t="s">
        <v>4</v>
      </c>
      <c r="I44" s="34"/>
      <c r="J44" s="41"/>
      <c r="K44" s="39"/>
      <c r="L44" s="4"/>
      <c r="M44" s="4"/>
      <c r="N44" s="4"/>
      <c r="O44" s="39"/>
      <c r="P44" s="4"/>
      <c r="Q44" s="42"/>
      <c r="R44" s="41"/>
      <c r="U44" s="41"/>
    </row>
    <row r="45" spans="1:21" ht="15" customHeight="1">
      <c r="A45" s="95"/>
      <c r="B45" s="96"/>
      <c r="C45" s="96"/>
      <c r="D45" s="96"/>
      <c r="E45" s="35">
        <v>2551564</v>
      </c>
      <c r="F45" s="35">
        <v>2583499</v>
      </c>
      <c r="G45" s="30">
        <v>31935</v>
      </c>
      <c r="H45" s="68"/>
      <c r="I45" s="37"/>
      <c r="J45" s="41"/>
      <c r="K45" s="43"/>
      <c r="L45" s="4"/>
      <c r="M45" s="4"/>
      <c r="N45" s="4"/>
      <c r="O45" s="39"/>
      <c r="P45" s="4"/>
      <c r="Q45" s="42"/>
      <c r="R45" s="41"/>
      <c r="U45" s="41"/>
    </row>
    <row r="46" spans="1:21" ht="15" customHeight="1">
      <c r="A46" s="84">
        <v>16</v>
      </c>
      <c r="B46" s="83" t="s">
        <v>24</v>
      </c>
      <c r="C46" s="72" t="s">
        <v>90</v>
      </c>
      <c r="D46" s="73" t="s">
        <v>25</v>
      </c>
      <c r="E46" s="32">
        <v>60513</v>
      </c>
      <c r="F46" s="32">
        <v>67077</v>
      </c>
      <c r="G46" s="27">
        <v>6564</v>
      </c>
      <c r="H46" s="67" t="s">
        <v>4</v>
      </c>
      <c r="I46" s="34"/>
      <c r="J46" s="1"/>
      <c r="K46" s="1"/>
    </row>
    <row r="47" spans="1:21" ht="15" customHeight="1">
      <c r="A47" s="84"/>
      <c r="B47" s="83"/>
      <c r="C47" s="72"/>
      <c r="D47" s="73"/>
      <c r="E47" s="38">
        <v>0</v>
      </c>
      <c r="F47" s="38">
        <v>0</v>
      </c>
      <c r="G47" s="30">
        <v>0</v>
      </c>
      <c r="H47" s="68"/>
      <c r="I47" s="37"/>
      <c r="J47" s="1"/>
      <c r="K47" s="1"/>
    </row>
    <row r="48" spans="1:21" ht="15" customHeight="1">
      <c r="A48" s="84">
        <v>17</v>
      </c>
      <c r="B48" s="83" t="s">
        <v>24</v>
      </c>
      <c r="C48" s="72" t="s">
        <v>91</v>
      </c>
      <c r="D48" s="73" t="s">
        <v>26</v>
      </c>
      <c r="E48" s="44">
        <v>52754</v>
      </c>
      <c r="F48" s="44">
        <v>46280</v>
      </c>
      <c r="G48" s="27">
        <v>-6474</v>
      </c>
      <c r="H48" s="67" t="s">
        <v>4</v>
      </c>
      <c r="I48" s="34"/>
      <c r="J48" s="1"/>
      <c r="K48" s="1"/>
    </row>
    <row r="49" spans="1:19" ht="15" customHeight="1">
      <c r="A49" s="84"/>
      <c r="B49" s="83"/>
      <c r="C49" s="72"/>
      <c r="D49" s="73"/>
      <c r="E49" s="38">
        <v>0</v>
      </c>
      <c r="F49" s="38">
        <v>0</v>
      </c>
      <c r="G49" s="30">
        <v>0</v>
      </c>
      <c r="H49" s="68"/>
      <c r="I49" s="37"/>
      <c r="J49" s="1"/>
      <c r="K49" s="1"/>
    </row>
    <row r="50" spans="1:19" ht="15" customHeight="1">
      <c r="A50" s="84">
        <v>18</v>
      </c>
      <c r="B50" s="83" t="s">
        <v>24</v>
      </c>
      <c r="C50" s="72" t="s">
        <v>92</v>
      </c>
      <c r="D50" s="73" t="s">
        <v>26</v>
      </c>
      <c r="E50" s="44">
        <v>8389</v>
      </c>
      <c r="F50" s="44">
        <v>8389</v>
      </c>
      <c r="G50" s="27">
        <v>0</v>
      </c>
      <c r="H50" s="67" t="s">
        <v>4</v>
      </c>
      <c r="I50" s="34"/>
      <c r="J50" s="1"/>
      <c r="K50" s="1"/>
    </row>
    <row r="51" spans="1:19" ht="15" customHeight="1">
      <c r="A51" s="84"/>
      <c r="B51" s="83"/>
      <c r="C51" s="72"/>
      <c r="D51" s="73"/>
      <c r="E51" s="38">
        <v>0</v>
      </c>
      <c r="F51" s="38">
        <v>0</v>
      </c>
      <c r="G51" s="30">
        <v>0</v>
      </c>
      <c r="H51" s="68"/>
      <c r="I51" s="37"/>
      <c r="J51" s="1"/>
      <c r="K51" s="1"/>
    </row>
    <row r="52" spans="1:19" ht="15" customHeight="1">
      <c r="A52" s="69">
        <v>19</v>
      </c>
      <c r="B52" s="111" t="s">
        <v>24</v>
      </c>
      <c r="C52" s="79" t="s">
        <v>210</v>
      </c>
      <c r="D52" s="81" t="s">
        <v>26</v>
      </c>
      <c r="E52" s="44">
        <v>20205</v>
      </c>
      <c r="F52" s="44">
        <v>49435</v>
      </c>
      <c r="G52" s="27">
        <v>29230</v>
      </c>
      <c r="H52" s="45"/>
      <c r="I52" s="46"/>
      <c r="J52" s="1"/>
      <c r="K52" s="1"/>
    </row>
    <row r="53" spans="1:19" ht="15" customHeight="1">
      <c r="A53" s="70"/>
      <c r="B53" s="112"/>
      <c r="C53" s="80"/>
      <c r="D53" s="82"/>
      <c r="E53" s="38">
        <v>0</v>
      </c>
      <c r="F53" s="38">
        <v>39605</v>
      </c>
      <c r="G53" s="30">
        <v>39605</v>
      </c>
      <c r="H53" s="36"/>
      <c r="I53" s="37"/>
      <c r="J53" s="1"/>
      <c r="K53" s="1"/>
    </row>
    <row r="54" spans="1:19" ht="15" customHeight="1">
      <c r="A54" s="95" t="s">
        <v>27</v>
      </c>
      <c r="B54" s="96"/>
      <c r="C54" s="96"/>
      <c r="D54" s="96"/>
      <c r="E54" s="32">
        <v>141861</v>
      </c>
      <c r="F54" s="32">
        <v>171181</v>
      </c>
      <c r="G54" s="27">
        <v>29320</v>
      </c>
      <c r="H54" s="67"/>
      <c r="I54" s="34"/>
      <c r="J54" s="41"/>
      <c r="K54" s="39"/>
      <c r="L54" s="4"/>
      <c r="M54" s="4"/>
      <c r="N54" s="4"/>
      <c r="O54" s="39"/>
      <c r="P54" s="4"/>
      <c r="Q54" s="42"/>
      <c r="R54" s="41"/>
      <c r="S54" s="41"/>
    </row>
    <row r="55" spans="1:19" ht="15" customHeight="1">
      <c r="A55" s="95"/>
      <c r="B55" s="96"/>
      <c r="C55" s="96"/>
      <c r="D55" s="96"/>
      <c r="E55" s="35">
        <v>0</v>
      </c>
      <c r="F55" s="35">
        <v>39605</v>
      </c>
      <c r="G55" s="30">
        <v>39605</v>
      </c>
      <c r="H55" s="68"/>
      <c r="I55" s="37"/>
      <c r="J55" s="41"/>
      <c r="K55" s="43"/>
      <c r="L55" s="4"/>
      <c r="M55" s="4"/>
      <c r="N55" s="4"/>
      <c r="O55" s="39"/>
      <c r="P55" s="4"/>
      <c r="Q55" s="42"/>
      <c r="R55" s="41"/>
      <c r="S55" s="41"/>
    </row>
    <row r="56" spans="1:19" ht="15" customHeight="1" collapsed="1">
      <c r="A56" s="84">
        <v>20</v>
      </c>
      <c r="B56" s="83" t="s">
        <v>228</v>
      </c>
      <c r="C56" s="79" t="s">
        <v>193</v>
      </c>
      <c r="D56" s="73" t="s">
        <v>18</v>
      </c>
      <c r="E56" s="32">
        <v>1092</v>
      </c>
      <c r="F56" s="32">
        <v>1091</v>
      </c>
      <c r="G56" s="27">
        <v>-1</v>
      </c>
      <c r="H56" s="67" t="s">
        <v>4</v>
      </c>
      <c r="I56" s="34"/>
      <c r="J56" s="1"/>
      <c r="K56" s="1"/>
    </row>
    <row r="57" spans="1:19" ht="15" customHeight="1">
      <c r="A57" s="84"/>
      <c r="B57" s="83"/>
      <c r="C57" s="80"/>
      <c r="D57" s="73"/>
      <c r="E57" s="35">
        <v>0</v>
      </c>
      <c r="F57" s="35">
        <v>0</v>
      </c>
      <c r="G57" s="30">
        <v>0</v>
      </c>
      <c r="H57" s="68"/>
      <c r="I57" s="37"/>
      <c r="J57" s="1"/>
      <c r="K57" s="1"/>
    </row>
    <row r="58" spans="1:19" ht="15" customHeight="1">
      <c r="A58" s="84" t="s">
        <v>231</v>
      </c>
      <c r="B58" s="87"/>
      <c r="C58" s="87"/>
      <c r="D58" s="87"/>
      <c r="E58" s="32">
        <v>1092</v>
      </c>
      <c r="F58" s="32">
        <v>1091</v>
      </c>
      <c r="G58" s="27">
        <v>-1</v>
      </c>
      <c r="H58" s="67"/>
      <c r="I58" s="34"/>
      <c r="J58" s="41"/>
      <c r="K58" s="39"/>
      <c r="L58" s="39"/>
      <c r="M58" s="39"/>
      <c r="N58" s="39"/>
      <c r="O58" s="39"/>
      <c r="P58" s="4"/>
      <c r="Q58" s="42"/>
      <c r="R58" s="47"/>
      <c r="S58" s="41"/>
    </row>
    <row r="59" spans="1:19" ht="15" customHeight="1">
      <c r="A59" s="84"/>
      <c r="B59" s="87"/>
      <c r="C59" s="87"/>
      <c r="D59" s="87"/>
      <c r="E59" s="35">
        <v>0</v>
      </c>
      <c r="F59" s="35">
        <v>0</v>
      </c>
      <c r="G59" s="30">
        <v>0</v>
      </c>
      <c r="H59" s="68"/>
      <c r="I59" s="37"/>
      <c r="J59" s="41"/>
      <c r="K59" s="43"/>
      <c r="L59" s="39"/>
      <c r="M59" s="39"/>
      <c r="N59" s="39"/>
      <c r="O59" s="39"/>
      <c r="P59" s="4"/>
      <c r="Q59" s="42"/>
      <c r="R59" s="41"/>
      <c r="S59" s="41"/>
    </row>
    <row r="60" spans="1:19" ht="14.25" customHeight="1">
      <c r="A60" s="84">
        <v>21</v>
      </c>
      <c r="B60" s="71" t="s">
        <v>28</v>
      </c>
      <c r="C60" s="72" t="s">
        <v>93</v>
      </c>
      <c r="D60" s="113" t="s">
        <v>29</v>
      </c>
      <c r="E60" s="32">
        <v>106137404</v>
      </c>
      <c r="F60" s="32">
        <v>122126771</v>
      </c>
      <c r="G60" s="27">
        <v>15989367</v>
      </c>
      <c r="H60" s="67"/>
      <c r="I60" s="34"/>
      <c r="J60" s="1"/>
      <c r="K60" s="1"/>
    </row>
    <row r="61" spans="1:19" ht="14.25" customHeight="1">
      <c r="A61" s="84"/>
      <c r="B61" s="71"/>
      <c r="C61" s="72"/>
      <c r="D61" s="113"/>
      <c r="E61" s="35">
        <v>26538813</v>
      </c>
      <c r="F61" s="35">
        <v>30536283</v>
      </c>
      <c r="G61" s="30">
        <v>3997470</v>
      </c>
      <c r="H61" s="68"/>
      <c r="I61" s="37"/>
      <c r="J61" s="1"/>
      <c r="K61" s="1"/>
    </row>
    <row r="62" spans="1:19" ht="14.25" customHeight="1">
      <c r="A62" s="69">
        <v>22</v>
      </c>
      <c r="B62" s="71" t="s">
        <v>28</v>
      </c>
      <c r="C62" s="114" t="s">
        <v>94</v>
      </c>
      <c r="D62" s="87" t="s">
        <v>30</v>
      </c>
      <c r="E62" s="32">
        <v>26072193</v>
      </c>
      <c r="F62" s="32">
        <v>30058152</v>
      </c>
      <c r="G62" s="27">
        <v>3985959</v>
      </c>
      <c r="H62" s="67"/>
      <c r="I62" s="34"/>
      <c r="J62" s="1"/>
      <c r="K62" s="1"/>
    </row>
    <row r="63" spans="1:19" ht="14.25" customHeight="1">
      <c r="A63" s="70"/>
      <c r="B63" s="71"/>
      <c r="C63" s="114"/>
      <c r="D63" s="87"/>
      <c r="E63" s="35">
        <v>6618907</v>
      </c>
      <c r="F63" s="35">
        <v>7598779</v>
      </c>
      <c r="G63" s="30">
        <v>979872</v>
      </c>
      <c r="H63" s="68"/>
      <c r="I63" s="37" t="s">
        <v>76</v>
      </c>
      <c r="J63" s="1"/>
      <c r="K63" s="1"/>
    </row>
    <row r="64" spans="1:19" ht="15" customHeight="1">
      <c r="A64" s="69">
        <v>23</v>
      </c>
      <c r="B64" s="71" t="s">
        <v>28</v>
      </c>
      <c r="C64" s="72" t="s">
        <v>95</v>
      </c>
      <c r="D64" s="87" t="s">
        <v>29</v>
      </c>
      <c r="E64" s="32">
        <v>6116766</v>
      </c>
      <c r="F64" s="32">
        <v>6120083</v>
      </c>
      <c r="G64" s="27">
        <v>3317</v>
      </c>
      <c r="H64" s="67" t="s">
        <v>74</v>
      </c>
      <c r="I64" s="34">
        <v>6561</v>
      </c>
      <c r="J64" s="1"/>
      <c r="K64" s="1"/>
    </row>
    <row r="65" spans="1:9" s="1" customFormat="1" ht="15" customHeight="1">
      <c r="A65" s="70"/>
      <c r="B65" s="71"/>
      <c r="C65" s="72"/>
      <c r="D65" s="87"/>
      <c r="E65" s="35">
        <v>2133746</v>
      </c>
      <c r="F65" s="35">
        <v>2122743</v>
      </c>
      <c r="G65" s="30">
        <v>-11003</v>
      </c>
      <c r="H65" s="68"/>
      <c r="I65" s="37">
        <v>6288</v>
      </c>
    </row>
    <row r="66" spans="1:9" s="1" customFormat="1" ht="15" customHeight="1">
      <c r="A66" s="69">
        <v>24</v>
      </c>
      <c r="B66" s="71" t="s">
        <v>28</v>
      </c>
      <c r="C66" s="72" t="s">
        <v>96</v>
      </c>
      <c r="D66" s="87" t="s">
        <v>26</v>
      </c>
      <c r="E66" s="44">
        <v>7516491</v>
      </c>
      <c r="F66" s="44">
        <v>6944605</v>
      </c>
      <c r="G66" s="27">
        <v>-571886</v>
      </c>
      <c r="H66" s="67"/>
      <c r="I66" s="34"/>
    </row>
    <row r="67" spans="1:9" s="1" customFormat="1" ht="15" customHeight="1">
      <c r="A67" s="70"/>
      <c r="B67" s="71"/>
      <c r="C67" s="72"/>
      <c r="D67" s="87"/>
      <c r="E67" s="38">
        <v>3600052</v>
      </c>
      <c r="F67" s="38">
        <v>3409266</v>
      </c>
      <c r="G67" s="30">
        <v>-190786</v>
      </c>
      <c r="H67" s="68"/>
      <c r="I67" s="37"/>
    </row>
    <row r="68" spans="1:9" s="1" customFormat="1" ht="15" customHeight="1">
      <c r="A68" s="69">
        <v>25</v>
      </c>
      <c r="B68" s="71" t="s">
        <v>28</v>
      </c>
      <c r="C68" s="72" t="s">
        <v>97</v>
      </c>
      <c r="D68" s="87" t="s">
        <v>30</v>
      </c>
      <c r="E68" s="32">
        <v>1385801</v>
      </c>
      <c r="F68" s="32">
        <v>1431128</v>
      </c>
      <c r="G68" s="27">
        <v>45327</v>
      </c>
      <c r="H68" s="67" t="s">
        <v>4</v>
      </c>
      <c r="I68" s="34"/>
    </row>
    <row r="69" spans="1:9" s="1" customFormat="1" ht="15" customHeight="1">
      <c r="A69" s="70"/>
      <c r="B69" s="71"/>
      <c r="C69" s="72"/>
      <c r="D69" s="87"/>
      <c r="E69" s="35">
        <v>691319</v>
      </c>
      <c r="F69" s="35">
        <v>712977</v>
      </c>
      <c r="G69" s="30">
        <v>21658</v>
      </c>
      <c r="H69" s="68"/>
      <c r="I69" s="37"/>
    </row>
    <row r="70" spans="1:9" s="1" customFormat="1" ht="15" customHeight="1">
      <c r="A70" s="69">
        <v>26</v>
      </c>
      <c r="B70" s="71" t="s">
        <v>28</v>
      </c>
      <c r="C70" s="72" t="s">
        <v>98</v>
      </c>
      <c r="D70" s="87" t="s">
        <v>30</v>
      </c>
      <c r="E70" s="32">
        <v>162150</v>
      </c>
      <c r="F70" s="32">
        <v>162796</v>
      </c>
      <c r="G70" s="27">
        <v>646</v>
      </c>
      <c r="H70" s="67"/>
      <c r="I70" s="34" t="s">
        <v>76</v>
      </c>
    </row>
    <row r="71" spans="1:9" s="1" customFormat="1" ht="15" customHeight="1">
      <c r="A71" s="70"/>
      <c r="B71" s="71"/>
      <c r="C71" s="72"/>
      <c r="D71" s="87"/>
      <c r="E71" s="35">
        <v>162150</v>
      </c>
      <c r="F71" s="35">
        <v>162796</v>
      </c>
      <c r="G71" s="30">
        <v>646</v>
      </c>
      <c r="H71" s="68"/>
      <c r="I71" s="37" t="s">
        <v>76</v>
      </c>
    </row>
    <row r="72" spans="1:9" s="1" customFormat="1" ht="15" customHeight="1">
      <c r="A72" s="69">
        <v>27</v>
      </c>
      <c r="B72" s="71" t="s">
        <v>28</v>
      </c>
      <c r="C72" s="72" t="s">
        <v>99</v>
      </c>
      <c r="D72" s="87" t="s">
        <v>30</v>
      </c>
      <c r="E72" s="48">
        <v>7790</v>
      </c>
      <c r="F72" s="48">
        <v>7472</v>
      </c>
      <c r="G72" s="27">
        <v>-318</v>
      </c>
      <c r="H72" s="115" t="s">
        <v>4</v>
      </c>
      <c r="I72" s="49"/>
    </row>
    <row r="73" spans="1:9" s="1" customFormat="1" ht="15" customHeight="1">
      <c r="A73" s="70"/>
      <c r="B73" s="71"/>
      <c r="C73" s="72"/>
      <c r="D73" s="87"/>
      <c r="E73" s="35">
        <v>7790</v>
      </c>
      <c r="F73" s="35">
        <v>7472</v>
      </c>
      <c r="G73" s="30">
        <v>-318</v>
      </c>
      <c r="H73" s="68"/>
      <c r="I73" s="37"/>
    </row>
    <row r="74" spans="1:9" s="1" customFormat="1" ht="15" customHeight="1">
      <c r="A74" s="69">
        <v>28</v>
      </c>
      <c r="B74" s="71" t="s">
        <v>28</v>
      </c>
      <c r="C74" s="72" t="s">
        <v>100</v>
      </c>
      <c r="D74" s="87" t="s">
        <v>30</v>
      </c>
      <c r="E74" s="32">
        <v>12766</v>
      </c>
      <c r="F74" s="32">
        <v>12766</v>
      </c>
      <c r="G74" s="27">
        <v>0</v>
      </c>
      <c r="H74" s="67" t="s">
        <v>4</v>
      </c>
      <c r="I74" s="34"/>
    </row>
    <row r="75" spans="1:9" s="1" customFormat="1" ht="15" customHeight="1">
      <c r="A75" s="70"/>
      <c r="B75" s="71"/>
      <c r="C75" s="72"/>
      <c r="D75" s="87"/>
      <c r="E75" s="35">
        <v>6384</v>
      </c>
      <c r="F75" s="35">
        <v>12766</v>
      </c>
      <c r="G75" s="30">
        <v>6382</v>
      </c>
      <c r="H75" s="68"/>
      <c r="I75" s="37"/>
    </row>
    <row r="76" spans="1:9" s="1" customFormat="1" ht="15" customHeight="1">
      <c r="A76" s="69">
        <v>29</v>
      </c>
      <c r="B76" s="71" t="s">
        <v>28</v>
      </c>
      <c r="C76" s="72" t="s">
        <v>101</v>
      </c>
      <c r="D76" s="87" t="s">
        <v>30</v>
      </c>
      <c r="E76" s="32">
        <v>10520</v>
      </c>
      <c r="F76" s="32">
        <v>10556</v>
      </c>
      <c r="G76" s="27">
        <v>36</v>
      </c>
      <c r="H76" s="67" t="s">
        <v>4</v>
      </c>
      <c r="I76" s="34"/>
    </row>
    <row r="77" spans="1:9" s="1" customFormat="1" ht="15" customHeight="1">
      <c r="A77" s="70"/>
      <c r="B77" s="71"/>
      <c r="C77" s="72"/>
      <c r="D77" s="87"/>
      <c r="E77" s="35">
        <v>10520</v>
      </c>
      <c r="F77" s="35">
        <v>10556</v>
      </c>
      <c r="G77" s="30">
        <v>36</v>
      </c>
      <c r="H77" s="68"/>
      <c r="I77" s="37"/>
    </row>
    <row r="78" spans="1:9" s="1" customFormat="1" ht="15" customHeight="1">
      <c r="A78" s="69">
        <v>30</v>
      </c>
      <c r="B78" s="71" t="s">
        <v>28</v>
      </c>
      <c r="C78" s="72" t="s">
        <v>102</v>
      </c>
      <c r="D78" s="87" t="s">
        <v>30</v>
      </c>
      <c r="E78" s="48">
        <v>8029</v>
      </c>
      <c r="F78" s="48">
        <v>7445</v>
      </c>
      <c r="G78" s="27">
        <v>-584</v>
      </c>
      <c r="H78" s="115" t="s">
        <v>4</v>
      </c>
      <c r="I78" s="49"/>
    </row>
    <row r="79" spans="1:9" s="1" customFormat="1" ht="15" customHeight="1">
      <c r="A79" s="70"/>
      <c r="B79" s="71"/>
      <c r="C79" s="72"/>
      <c r="D79" s="87"/>
      <c r="E79" s="35">
        <v>654</v>
      </c>
      <c r="F79" s="35">
        <v>1871</v>
      </c>
      <c r="G79" s="30">
        <v>1217</v>
      </c>
      <c r="H79" s="68"/>
      <c r="I79" s="37"/>
    </row>
    <row r="80" spans="1:9" s="1" customFormat="1" ht="16.5" customHeight="1">
      <c r="A80" s="69">
        <v>31</v>
      </c>
      <c r="B80" s="71" t="s">
        <v>28</v>
      </c>
      <c r="C80" s="72" t="s">
        <v>103</v>
      </c>
      <c r="D80" s="87" t="s">
        <v>30</v>
      </c>
      <c r="E80" s="32">
        <v>49969</v>
      </c>
      <c r="F80" s="32">
        <v>49969</v>
      </c>
      <c r="G80" s="27">
        <v>0</v>
      </c>
      <c r="H80" s="67" t="s">
        <v>4</v>
      </c>
      <c r="I80" s="34"/>
    </row>
    <row r="81" spans="1:9" s="1" customFormat="1" ht="16.5" customHeight="1">
      <c r="A81" s="70"/>
      <c r="B81" s="71"/>
      <c r="C81" s="72"/>
      <c r="D81" s="87"/>
      <c r="E81" s="35">
        <v>35045</v>
      </c>
      <c r="F81" s="35">
        <v>33623</v>
      </c>
      <c r="G81" s="30">
        <v>-1422</v>
      </c>
      <c r="H81" s="68"/>
      <c r="I81" s="37"/>
    </row>
    <row r="82" spans="1:9" s="1" customFormat="1" ht="15" customHeight="1">
      <c r="A82" s="69">
        <v>32</v>
      </c>
      <c r="B82" s="71" t="s">
        <v>28</v>
      </c>
      <c r="C82" s="72" t="s">
        <v>104</v>
      </c>
      <c r="D82" s="87" t="s">
        <v>31</v>
      </c>
      <c r="E82" s="32">
        <v>23968</v>
      </c>
      <c r="F82" s="32">
        <v>23968</v>
      </c>
      <c r="G82" s="27">
        <v>0</v>
      </c>
      <c r="H82" s="67" t="s">
        <v>4</v>
      </c>
      <c r="I82" s="34"/>
    </row>
    <row r="83" spans="1:9" s="1" customFormat="1" ht="15" customHeight="1">
      <c r="A83" s="70"/>
      <c r="B83" s="71"/>
      <c r="C83" s="72"/>
      <c r="D83" s="87"/>
      <c r="E83" s="35">
        <v>23968</v>
      </c>
      <c r="F83" s="35">
        <v>23968</v>
      </c>
      <c r="G83" s="30">
        <v>0</v>
      </c>
      <c r="H83" s="68"/>
      <c r="I83" s="37"/>
    </row>
    <row r="84" spans="1:9" s="1" customFormat="1" ht="15" customHeight="1">
      <c r="A84" s="69">
        <v>33</v>
      </c>
      <c r="B84" s="71" t="s">
        <v>28</v>
      </c>
      <c r="C84" s="72" t="s">
        <v>105</v>
      </c>
      <c r="D84" s="87" t="s">
        <v>32</v>
      </c>
      <c r="E84" s="32">
        <v>1820214</v>
      </c>
      <c r="F84" s="32">
        <v>1833207</v>
      </c>
      <c r="G84" s="27">
        <v>12993</v>
      </c>
      <c r="H84" s="67"/>
      <c r="I84" s="34" t="s">
        <v>76</v>
      </c>
    </row>
    <row r="85" spans="1:9" s="1" customFormat="1" ht="15" customHeight="1">
      <c r="A85" s="70"/>
      <c r="B85" s="71"/>
      <c r="C85" s="72"/>
      <c r="D85" s="87"/>
      <c r="E85" s="35">
        <v>480187</v>
      </c>
      <c r="F85" s="35">
        <v>483449</v>
      </c>
      <c r="G85" s="30">
        <v>3262</v>
      </c>
      <c r="H85" s="68"/>
      <c r="I85" s="37" t="s">
        <v>76</v>
      </c>
    </row>
    <row r="86" spans="1:9" s="1" customFormat="1" ht="15" customHeight="1">
      <c r="A86" s="69">
        <v>34</v>
      </c>
      <c r="B86" s="71" t="s">
        <v>28</v>
      </c>
      <c r="C86" s="72" t="s">
        <v>106</v>
      </c>
      <c r="D86" s="87" t="s">
        <v>216</v>
      </c>
      <c r="E86" s="32">
        <v>78204</v>
      </c>
      <c r="F86" s="32">
        <v>78604</v>
      </c>
      <c r="G86" s="27">
        <v>400</v>
      </c>
      <c r="H86" s="67"/>
      <c r="I86" s="34"/>
    </row>
    <row r="87" spans="1:9" s="1" customFormat="1" ht="15" customHeight="1">
      <c r="A87" s="70"/>
      <c r="B87" s="71"/>
      <c r="C87" s="72"/>
      <c r="D87" s="87"/>
      <c r="E87" s="35">
        <v>70197</v>
      </c>
      <c r="F87" s="35">
        <v>70597</v>
      </c>
      <c r="G87" s="30">
        <v>400</v>
      </c>
      <c r="H87" s="68"/>
      <c r="I87" s="37"/>
    </row>
    <row r="88" spans="1:9" s="1" customFormat="1" ht="15" customHeight="1">
      <c r="A88" s="69">
        <v>35</v>
      </c>
      <c r="B88" s="71" t="s">
        <v>28</v>
      </c>
      <c r="C88" s="72" t="s">
        <v>107</v>
      </c>
      <c r="D88" s="87" t="s">
        <v>32</v>
      </c>
      <c r="E88" s="32">
        <v>201714</v>
      </c>
      <c r="F88" s="32">
        <v>200251</v>
      </c>
      <c r="G88" s="27">
        <v>-1463</v>
      </c>
      <c r="H88" s="67"/>
      <c r="I88" s="34"/>
    </row>
    <row r="89" spans="1:9" s="1" customFormat="1" ht="15" customHeight="1">
      <c r="A89" s="70"/>
      <c r="B89" s="71"/>
      <c r="C89" s="72"/>
      <c r="D89" s="87"/>
      <c r="E89" s="35">
        <v>201546</v>
      </c>
      <c r="F89" s="35">
        <v>200083</v>
      </c>
      <c r="G89" s="30">
        <v>-1463</v>
      </c>
      <c r="H89" s="68"/>
      <c r="I89" s="37"/>
    </row>
    <row r="90" spans="1:9" s="1" customFormat="1" ht="15" customHeight="1">
      <c r="A90" s="69">
        <v>36</v>
      </c>
      <c r="B90" s="71" t="s">
        <v>28</v>
      </c>
      <c r="C90" s="116" t="s">
        <v>108</v>
      </c>
      <c r="D90" s="87" t="s">
        <v>31</v>
      </c>
      <c r="E90" s="32">
        <v>1467748</v>
      </c>
      <c r="F90" s="32">
        <v>1425434</v>
      </c>
      <c r="G90" s="27">
        <v>-42314</v>
      </c>
      <c r="H90" s="67"/>
      <c r="I90" s="34"/>
    </row>
    <row r="91" spans="1:9" s="1" customFormat="1" ht="15" customHeight="1">
      <c r="A91" s="70"/>
      <c r="B91" s="71"/>
      <c r="C91" s="116"/>
      <c r="D91" s="87"/>
      <c r="E91" s="35">
        <v>1467710</v>
      </c>
      <c r="F91" s="35">
        <v>1425398</v>
      </c>
      <c r="G91" s="30">
        <v>-42312</v>
      </c>
      <c r="H91" s="68"/>
      <c r="I91" s="37"/>
    </row>
    <row r="92" spans="1:9" s="1" customFormat="1" ht="15" customHeight="1">
      <c r="A92" s="69">
        <v>37</v>
      </c>
      <c r="B92" s="71" t="s">
        <v>28</v>
      </c>
      <c r="C92" s="72" t="s">
        <v>109</v>
      </c>
      <c r="D92" s="87" t="s">
        <v>31</v>
      </c>
      <c r="E92" s="32">
        <v>858625</v>
      </c>
      <c r="F92" s="32">
        <v>818033</v>
      </c>
      <c r="G92" s="27">
        <v>-40592</v>
      </c>
      <c r="H92" s="67" t="s">
        <v>74</v>
      </c>
      <c r="I92" s="34">
        <v>11576</v>
      </c>
    </row>
    <row r="93" spans="1:9" s="1" customFormat="1" ht="15" customHeight="1">
      <c r="A93" s="70"/>
      <c r="B93" s="71"/>
      <c r="C93" s="72"/>
      <c r="D93" s="87"/>
      <c r="E93" s="35">
        <v>858610</v>
      </c>
      <c r="F93" s="35">
        <v>818018</v>
      </c>
      <c r="G93" s="30">
        <v>-40592</v>
      </c>
      <c r="H93" s="68"/>
      <c r="I93" s="37">
        <v>11576</v>
      </c>
    </row>
    <row r="94" spans="1:9" s="1" customFormat="1" ht="15" customHeight="1">
      <c r="A94" s="69">
        <v>38</v>
      </c>
      <c r="B94" s="71" t="s">
        <v>28</v>
      </c>
      <c r="C94" s="72" t="s">
        <v>110</v>
      </c>
      <c r="D94" s="87" t="s">
        <v>31</v>
      </c>
      <c r="E94" s="32">
        <v>1242780</v>
      </c>
      <c r="F94" s="32">
        <v>942200</v>
      </c>
      <c r="G94" s="27">
        <v>-300580</v>
      </c>
      <c r="H94" s="67"/>
      <c r="I94" s="34"/>
    </row>
    <row r="95" spans="1:9" s="1" customFormat="1" ht="15" customHeight="1">
      <c r="A95" s="70"/>
      <c r="B95" s="71"/>
      <c r="C95" s="72"/>
      <c r="D95" s="87"/>
      <c r="E95" s="35">
        <v>1040328</v>
      </c>
      <c r="F95" s="35">
        <v>910106</v>
      </c>
      <c r="G95" s="30">
        <v>-130222</v>
      </c>
      <c r="H95" s="68"/>
      <c r="I95" s="37"/>
    </row>
    <row r="96" spans="1:9" s="1" customFormat="1" ht="15" customHeight="1">
      <c r="A96" s="69">
        <v>39</v>
      </c>
      <c r="B96" s="71" t="s">
        <v>28</v>
      </c>
      <c r="C96" s="72" t="s">
        <v>234</v>
      </c>
      <c r="D96" s="87" t="s">
        <v>31</v>
      </c>
      <c r="E96" s="32">
        <v>13890</v>
      </c>
      <c r="F96" s="32">
        <v>18007</v>
      </c>
      <c r="G96" s="27">
        <v>4117</v>
      </c>
      <c r="H96" s="67"/>
      <c r="I96" s="34"/>
    </row>
    <row r="97" spans="1:9" s="1" customFormat="1" ht="15" customHeight="1">
      <c r="A97" s="70"/>
      <c r="B97" s="71"/>
      <c r="C97" s="72"/>
      <c r="D97" s="87"/>
      <c r="E97" s="35">
        <v>13890</v>
      </c>
      <c r="F97" s="35">
        <v>18007</v>
      </c>
      <c r="G97" s="30">
        <v>4117</v>
      </c>
      <c r="H97" s="68"/>
      <c r="I97" s="37"/>
    </row>
    <row r="98" spans="1:9" s="1" customFormat="1" ht="15" customHeight="1">
      <c r="A98" s="69">
        <v>40</v>
      </c>
      <c r="B98" s="71" t="s">
        <v>28</v>
      </c>
      <c r="C98" s="72" t="s">
        <v>111</v>
      </c>
      <c r="D98" s="87" t="s">
        <v>31</v>
      </c>
      <c r="E98" s="32">
        <v>128370</v>
      </c>
      <c r="F98" s="32">
        <v>128353</v>
      </c>
      <c r="G98" s="27">
        <v>-17</v>
      </c>
      <c r="H98" s="67"/>
      <c r="I98" s="34"/>
    </row>
    <row r="99" spans="1:9" s="1" customFormat="1" ht="15" customHeight="1">
      <c r="A99" s="70"/>
      <c r="B99" s="71"/>
      <c r="C99" s="72"/>
      <c r="D99" s="87"/>
      <c r="E99" s="35">
        <v>73569</v>
      </c>
      <c r="F99" s="35">
        <v>72597</v>
      </c>
      <c r="G99" s="30">
        <v>-972</v>
      </c>
      <c r="H99" s="68"/>
      <c r="I99" s="37"/>
    </row>
    <row r="100" spans="1:9" s="1" customFormat="1" ht="15" customHeight="1">
      <c r="A100" s="69">
        <v>41</v>
      </c>
      <c r="B100" s="71" t="s">
        <v>28</v>
      </c>
      <c r="C100" s="72" t="s">
        <v>112</v>
      </c>
      <c r="D100" s="87" t="s">
        <v>31</v>
      </c>
      <c r="E100" s="32">
        <v>34794</v>
      </c>
      <c r="F100" s="32">
        <v>36548</v>
      </c>
      <c r="G100" s="27">
        <v>1754</v>
      </c>
      <c r="H100" s="67"/>
      <c r="I100" s="34" t="s">
        <v>76</v>
      </c>
    </row>
    <row r="101" spans="1:9" s="1" customFormat="1" ht="15" customHeight="1">
      <c r="A101" s="70"/>
      <c r="B101" s="71"/>
      <c r="C101" s="72"/>
      <c r="D101" s="87"/>
      <c r="E101" s="35">
        <v>34667</v>
      </c>
      <c r="F101" s="35">
        <v>36548</v>
      </c>
      <c r="G101" s="30">
        <v>1881</v>
      </c>
      <c r="H101" s="68"/>
      <c r="I101" s="37" t="s">
        <v>76</v>
      </c>
    </row>
    <row r="102" spans="1:9" s="1" customFormat="1" ht="15" customHeight="1">
      <c r="A102" s="69">
        <v>42</v>
      </c>
      <c r="B102" s="71" t="s">
        <v>28</v>
      </c>
      <c r="C102" s="72" t="s">
        <v>113</v>
      </c>
      <c r="D102" s="87" t="s">
        <v>33</v>
      </c>
      <c r="E102" s="32">
        <v>141760</v>
      </c>
      <c r="F102" s="32">
        <v>166572</v>
      </c>
      <c r="G102" s="27">
        <v>24812</v>
      </c>
      <c r="H102" s="67"/>
      <c r="I102" s="34" t="s">
        <v>76</v>
      </c>
    </row>
    <row r="103" spans="1:9" s="1" customFormat="1" ht="15" customHeight="1">
      <c r="A103" s="70"/>
      <c r="B103" s="71"/>
      <c r="C103" s="72"/>
      <c r="D103" s="87"/>
      <c r="E103" s="35">
        <v>4934</v>
      </c>
      <c r="F103" s="35">
        <v>1429</v>
      </c>
      <c r="G103" s="30">
        <v>-3505</v>
      </c>
      <c r="H103" s="68"/>
      <c r="I103" s="37" t="s">
        <v>76</v>
      </c>
    </row>
    <row r="104" spans="1:9" s="1" customFormat="1" ht="15" customHeight="1">
      <c r="A104" s="69">
        <v>43</v>
      </c>
      <c r="B104" s="71" t="s">
        <v>28</v>
      </c>
      <c r="C104" s="72" t="s">
        <v>114</v>
      </c>
      <c r="D104" s="87" t="s">
        <v>31</v>
      </c>
      <c r="E104" s="32">
        <v>2849</v>
      </c>
      <c r="F104" s="32">
        <v>2867</v>
      </c>
      <c r="G104" s="27">
        <v>18</v>
      </c>
      <c r="H104" s="67" t="s">
        <v>74</v>
      </c>
      <c r="I104" s="34">
        <v>2726</v>
      </c>
    </row>
    <row r="105" spans="1:9" s="1" customFormat="1" ht="15" customHeight="1">
      <c r="A105" s="70"/>
      <c r="B105" s="71"/>
      <c r="C105" s="72"/>
      <c r="D105" s="87"/>
      <c r="E105" s="35">
        <v>2849</v>
      </c>
      <c r="F105" s="35">
        <v>2867</v>
      </c>
      <c r="G105" s="30">
        <v>18</v>
      </c>
      <c r="H105" s="68"/>
      <c r="I105" s="37">
        <v>2726</v>
      </c>
    </row>
    <row r="106" spans="1:9" s="1" customFormat="1" ht="15" customHeight="1">
      <c r="A106" s="69">
        <v>44</v>
      </c>
      <c r="B106" s="71" t="s">
        <v>28</v>
      </c>
      <c r="C106" s="72" t="s">
        <v>115</v>
      </c>
      <c r="D106" s="73" t="s">
        <v>34</v>
      </c>
      <c r="E106" s="32">
        <v>4703</v>
      </c>
      <c r="F106" s="32">
        <v>4701</v>
      </c>
      <c r="G106" s="27">
        <v>-2</v>
      </c>
      <c r="H106" s="67" t="s">
        <v>4</v>
      </c>
      <c r="I106" s="34"/>
    </row>
    <row r="107" spans="1:9" s="1" customFormat="1" ht="15" customHeight="1">
      <c r="A107" s="70"/>
      <c r="B107" s="71"/>
      <c r="C107" s="72"/>
      <c r="D107" s="73"/>
      <c r="E107" s="35">
        <v>2928</v>
      </c>
      <c r="F107" s="35">
        <v>2926</v>
      </c>
      <c r="G107" s="30">
        <v>-2</v>
      </c>
      <c r="H107" s="68"/>
      <c r="I107" s="37"/>
    </row>
    <row r="108" spans="1:9" s="1" customFormat="1" ht="15" customHeight="1">
      <c r="A108" s="69">
        <v>45</v>
      </c>
      <c r="B108" s="71" t="s">
        <v>28</v>
      </c>
      <c r="C108" s="72" t="s">
        <v>116</v>
      </c>
      <c r="D108" s="73" t="s">
        <v>34</v>
      </c>
      <c r="E108" s="32">
        <v>120361</v>
      </c>
      <c r="F108" s="32">
        <v>124096</v>
      </c>
      <c r="G108" s="27">
        <v>3735</v>
      </c>
      <c r="H108" s="67" t="s">
        <v>4</v>
      </c>
      <c r="I108" s="34"/>
    </row>
    <row r="109" spans="1:9" s="1" customFormat="1" ht="15" customHeight="1">
      <c r="A109" s="70"/>
      <c r="B109" s="71"/>
      <c r="C109" s="72"/>
      <c r="D109" s="73"/>
      <c r="E109" s="35">
        <v>92000</v>
      </c>
      <c r="F109" s="35">
        <v>93791</v>
      </c>
      <c r="G109" s="30">
        <v>1791</v>
      </c>
      <c r="H109" s="68"/>
      <c r="I109" s="37"/>
    </row>
    <row r="110" spans="1:9" s="1" customFormat="1" ht="15" customHeight="1">
      <c r="A110" s="69">
        <v>46</v>
      </c>
      <c r="B110" s="71" t="s">
        <v>28</v>
      </c>
      <c r="C110" s="72" t="s">
        <v>117</v>
      </c>
      <c r="D110" s="73" t="s">
        <v>34</v>
      </c>
      <c r="E110" s="32">
        <v>71402</v>
      </c>
      <c r="F110" s="32">
        <v>232123</v>
      </c>
      <c r="G110" s="27">
        <v>160721</v>
      </c>
      <c r="H110" s="67" t="s">
        <v>4</v>
      </c>
      <c r="I110" s="34"/>
    </row>
    <row r="111" spans="1:9" s="1" customFormat="1" ht="15" customHeight="1">
      <c r="A111" s="70"/>
      <c r="B111" s="71"/>
      <c r="C111" s="72"/>
      <c r="D111" s="73"/>
      <c r="E111" s="35">
        <v>52402</v>
      </c>
      <c r="F111" s="35">
        <v>145123</v>
      </c>
      <c r="G111" s="30">
        <v>92721</v>
      </c>
      <c r="H111" s="68"/>
      <c r="I111" s="37"/>
    </row>
    <row r="112" spans="1:9" s="1" customFormat="1" ht="15" customHeight="1">
      <c r="A112" s="69">
        <v>47</v>
      </c>
      <c r="B112" s="71" t="s">
        <v>28</v>
      </c>
      <c r="C112" s="72" t="s">
        <v>118</v>
      </c>
      <c r="D112" s="87" t="s">
        <v>35</v>
      </c>
      <c r="E112" s="32">
        <v>100876</v>
      </c>
      <c r="F112" s="32">
        <v>122144</v>
      </c>
      <c r="G112" s="27">
        <v>21268</v>
      </c>
      <c r="H112" s="67"/>
      <c r="I112" s="34"/>
    </row>
    <row r="113" spans="1:9" s="1" customFormat="1" ht="15" customHeight="1">
      <c r="A113" s="70"/>
      <c r="B113" s="71"/>
      <c r="C113" s="72"/>
      <c r="D113" s="87"/>
      <c r="E113" s="35">
        <v>97904</v>
      </c>
      <c r="F113" s="35">
        <v>119103</v>
      </c>
      <c r="G113" s="30">
        <v>21199</v>
      </c>
      <c r="H113" s="68"/>
      <c r="I113" s="37"/>
    </row>
    <row r="114" spans="1:9" s="1" customFormat="1" ht="15" customHeight="1">
      <c r="A114" s="69">
        <v>48</v>
      </c>
      <c r="B114" s="71" t="s">
        <v>28</v>
      </c>
      <c r="C114" s="72" t="s">
        <v>119</v>
      </c>
      <c r="D114" s="87" t="s">
        <v>30</v>
      </c>
      <c r="E114" s="32">
        <v>446197</v>
      </c>
      <c r="F114" s="32">
        <v>405280</v>
      </c>
      <c r="G114" s="27">
        <v>-40917</v>
      </c>
      <c r="H114" s="67"/>
      <c r="I114" s="34"/>
    </row>
    <row r="115" spans="1:9" s="1" customFormat="1" ht="15" customHeight="1">
      <c r="A115" s="70"/>
      <c r="B115" s="71"/>
      <c r="C115" s="72"/>
      <c r="D115" s="87"/>
      <c r="E115" s="35">
        <v>446189</v>
      </c>
      <c r="F115" s="35">
        <v>405270</v>
      </c>
      <c r="G115" s="30">
        <v>-40919</v>
      </c>
      <c r="H115" s="68"/>
      <c r="I115" s="37"/>
    </row>
    <row r="116" spans="1:9" s="1" customFormat="1" ht="15" customHeight="1">
      <c r="A116" s="69">
        <v>49</v>
      </c>
      <c r="B116" s="71" t="s">
        <v>28</v>
      </c>
      <c r="C116" s="72" t="s">
        <v>120</v>
      </c>
      <c r="D116" s="87" t="s">
        <v>36</v>
      </c>
      <c r="E116" s="32">
        <v>4658</v>
      </c>
      <c r="F116" s="32">
        <v>5983</v>
      </c>
      <c r="G116" s="27">
        <v>1325</v>
      </c>
      <c r="H116" s="67"/>
      <c r="I116" s="34"/>
    </row>
    <row r="117" spans="1:9" s="1" customFormat="1" ht="15" customHeight="1">
      <c r="A117" s="70"/>
      <c r="B117" s="71"/>
      <c r="C117" s="72"/>
      <c r="D117" s="87"/>
      <c r="E117" s="35">
        <v>4658</v>
      </c>
      <c r="F117" s="35">
        <v>5983</v>
      </c>
      <c r="G117" s="30">
        <v>1325</v>
      </c>
      <c r="H117" s="68"/>
      <c r="I117" s="37"/>
    </row>
    <row r="118" spans="1:9" s="1" customFormat="1" ht="15.75" customHeight="1">
      <c r="A118" s="69">
        <v>50</v>
      </c>
      <c r="B118" s="77" t="s">
        <v>28</v>
      </c>
      <c r="C118" s="85" t="s">
        <v>121</v>
      </c>
      <c r="D118" s="117" t="s">
        <v>33</v>
      </c>
      <c r="E118" s="32">
        <v>22902</v>
      </c>
      <c r="F118" s="32">
        <v>14502</v>
      </c>
      <c r="G118" s="27">
        <v>-8400</v>
      </c>
      <c r="H118" s="67"/>
      <c r="I118" s="34"/>
    </row>
    <row r="119" spans="1:9" s="1" customFormat="1" ht="15" customHeight="1">
      <c r="A119" s="70"/>
      <c r="B119" s="78"/>
      <c r="C119" s="86"/>
      <c r="D119" s="118"/>
      <c r="E119" s="35">
        <v>22902</v>
      </c>
      <c r="F119" s="35">
        <v>14502</v>
      </c>
      <c r="G119" s="30">
        <v>-8400</v>
      </c>
      <c r="H119" s="68"/>
      <c r="I119" s="37" t="s">
        <v>76</v>
      </c>
    </row>
    <row r="120" spans="1:9" s="1" customFormat="1" ht="15" customHeight="1">
      <c r="A120" s="69">
        <v>51</v>
      </c>
      <c r="B120" s="71" t="s">
        <v>28</v>
      </c>
      <c r="C120" s="72" t="s">
        <v>122</v>
      </c>
      <c r="D120" s="87" t="s">
        <v>32</v>
      </c>
      <c r="E120" s="32">
        <v>282974</v>
      </c>
      <c r="F120" s="32">
        <v>276694</v>
      </c>
      <c r="G120" s="27">
        <v>-6280</v>
      </c>
      <c r="H120" s="67" t="s">
        <v>74</v>
      </c>
      <c r="I120" s="34">
        <v>7055</v>
      </c>
    </row>
    <row r="121" spans="1:9" s="1" customFormat="1" ht="15" customHeight="1">
      <c r="A121" s="70"/>
      <c r="B121" s="71"/>
      <c r="C121" s="72"/>
      <c r="D121" s="87"/>
      <c r="E121" s="35">
        <v>267641</v>
      </c>
      <c r="F121" s="35">
        <v>257038</v>
      </c>
      <c r="G121" s="30">
        <v>-10603</v>
      </c>
      <c r="H121" s="68"/>
      <c r="I121" s="37">
        <v>7055</v>
      </c>
    </row>
    <row r="122" spans="1:9" s="1" customFormat="1" ht="15" customHeight="1">
      <c r="A122" s="69">
        <v>52</v>
      </c>
      <c r="B122" s="71" t="s">
        <v>28</v>
      </c>
      <c r="C122" s="79" t="s">
        <v>218</v>
      </c>
      <c r="D122" s="73" t="s">
        <v>217</v>
      </c>
      <c r="E122" s="44">
        <v>0</v>
      </c>
      <c r="F122" s="44">
        <v>949327</v>
      </c>
      <c r="G122" s="27">
        <v>949327</v>
      </c>
      <c r="H122" s="33"/>
      <c r="I122" s="50"/>
    </row>
    <row r="123" spans="1:9" s="1" customFormat="1" ht="15" customHeight="1">
      <c r="A123" s="70"/>
      <c r="B123" s="71"/>
      <c r="C123" s="80"/>
      <c r="D123" s="73"/>
      <c r="E123" s="38">
        <v>0</v>
      </c>
      <c r="F123" s="38">
        <v>63443</v>
      </c>
      <c r="G123" s="30">
        <v>63443</v>
      </c>
      <c r="H123" s="36"/>
      <c r="I123" s="37"/>
    </row>
    <row r="124" spans="1:9" s="1" customFormat="1" ht="15" customHeight="1">
      <c r="A124" s="69">
        <v>53</v>
      </c>
      <c r="B124" s="71" t="s">
        <v>28</v>
      </c>
      <c r="C124" s="72" t="s">
        <v>123</v>
      </c>
      <c r="D124" s="73" t="s">
        <v>30</v>
      </c>
      <c r="E124" s="32">
        <v>161666</v>
      </c>
      <c r="F124" s="32">
        <v>155029</v>
      </c>
      <c r="G124" s="27">
        <v>-6637</v>
      </c>
      <c r="H124" s="67" t="s">
        <v>4</v>
      </c>
      <c r="I124" s="34"/>
    </row>
    <row r="125" spans="1:9" s="1" customFormat="1" ht="15" customHeight="1">
      <c r="A125" s="70"/>
      <c r="B125" s="71"/>
      <c r="C125" s="72"/>
      <c r="D125" s="73"/>
      <c r="E125" s="35">
        <v>90603</v>
      </c>
      <c r="F125" s="35">
        <v>82366</v>
      </c>
      <c r="G125" s="30">
        <v>-8237</v>
      </c>
      <c r="H125" s="68"/>
      <c r="I125" s="37"/>
    </row>
    <row r="126" spans="1:9" s="1" customFormat="1" ht="15" customHeight="1">
      <c r="A126" s="69">
        <v>54</v>
      </c>
      <c r="B126" s="71" t="s">
        <v>28</v>
      </c>
      <c r="C126" s="72" t="s">
        <v>124</v>
      </c>
      <c r="D126" s="87" t="s">
        <v>31</v>
      </c>
      <c r="E126" s="32">
        <v>0</v>
      </c>
      <c r="F126" s="32">
        <v>25000</v>
      </c>
      <c r="G126" s="27">
        <v>25000</v>
      </c>
      <c r="H126" s="67"/>
      <c r="I126" s="34"/>
    </row>
    <row r="127" spans="1:9" s="1" customFormat="1" ht="15" customHeight="1">
      <c r="A127" s="70"/>
      <c r="B127" s="71"/>
      <c r="C127" s="72"/>
      <c r="D127" s="87"/>
      <c r="E127" s="35">
        <v>0</v>
      </c>
      <c r="F127" s="35">
        <v>7000</v>
      </c>
      <c r="G127" s="30">
        <v>7000</v>
      </c>
      <c r="H127" s="68"/>
      <c r="I127" s="37" t="s">
        <v>76</v>
      </c>
    </row>
    <row r="128" spans="1:9" s="1" customFormat="1" ht="15" customHeight="1">
      <c r="A128" s="69">
        <v>55</v>
      </c>
      <c r="B128" s="71" t="s">
        <v>28</v>
      </c>
      <c r="C128" s="72" t="s">
        <v>125</v>
      </c>
      <c r="D128" s="73" t="s">
        <v>38</v>
      </c>
      <c r="E128" s="44">
        <v>174918</v>
      </c>
      <c r="F128" s="44">
        <v>169711</v>
      </c>
      <c r="G128" s="27">
        <v>-5207</v>
      </c>
      <c r="H128" s="67" t="s">
        <v>4</v>
      </c>
      <c r="I128" s="34"/>
    </row>
    <row r="129" spans="1:9" s="1" customFormat="1" ht="15" customHeight="1">
      <c r="A129" s="70"/>
      <c r="B129" s="71"/>
      <c r="C129" s="72"/>
      <c r="D129" s="73"/>
      <c r="E129" s="38">
        <v>60078</v>
      </c>
      <c r="F129" s="38">
        <v>58483</v>
      </c>
      <c r="G129" s="30">
        <v>-1595</v>
      </c>
      <c r="H129" s="68"/>
      <c r="I129" s="37"/>
    </row>
    <row r="130" spans="1:9" s="1" customFormat="1" ht="15" customHeight="1">
      <c r="A130" s="69">
        <v>56</v>
      </c>
      <c r="B130" s="77" t="s">
        <v>28</v>
      </c>
      <c r="C130" s="79" t="s">
        <v>199</v>
      </c>
      <c r="D130" s="117" t="s">
        <v>36</v>
      </c>
      <c r="E130" s="32">
        <v>3000</v>
      </c>
      <c r="F130" s="32">
        <v>10550</v>
      </c>
      <c r="G130" s="27">
        <v>7550</v>
      </c>
      <c r="H130" s="67"/>
      <c r="I130" s="34"/>
    </row>
    <row r="131" spans="1:9" s="1" customFormat="1" ht="15" customHeight="1">
      <c r="A131" s="70"/>
      <c r="B131" s="78"/>
      <c r="C131" s="80"/>
      <c r="D131" s="118"/>
      <c r="E131" s="35">
        <v>1000</v>
      </c>
      <c r="F131" s="35">
        <v>3525</v>
      </c>
      <c r="G131" s="30">
        <v>2525</v>
      </c>
      <c r="H131" s="68"/>
      <c r="I131" s="37" t="s">
        <v>76</v>
      </c>
    </row>
    <row r="132" spans="1:9" s="1" customFormat="1" ht="15" customHeight="1">
      <c r="A132" s="69">
        <v>57</v>
      </c>
      <c r="B132" s="77" t="s">
        <v>28</v>
      </c>
      <c r="C132" s="79" t="s">
        <v>127</v>
      </c>
      <c r="D132" s="117" t="s">
        <v>36</v>
      </c>
      <c r="E132" s="32">
        <v>14548</v>
      </c>
      <c r="F132" s="32">
        <v>9000</v>
      </c>
      <c r="G132" s="51">
        <v>-5548</v>
      </c>
      <c r="H132" s="67"/>
      <c r="I132" s="34"/>
    </row>
    <row r="133" spans="1:9" s="1" customFormat="1" ht="15" customHeight="1">
      <c r="A133" s="70"/>
      <c r="B133" s="78"/>
      <c r="C133" s="80"/>
      <c r="D133" s="118"/>
      <c r="E133" s="35">
        <v>4850</v>
      </c>
      <c r="F133" s="35">
        <v>3000</v>
      </c>
      <c r="G133" s="30">
        <v>-1850</v>
      </c>
      <c r="H133" s="68"/>
      <c r="I133" s="37" t="s">
        <v>76</v>
      </c>
    </row>
    <row r="134" spans="1:9" s="1" customFormat="1" ht="15" customHeight="1">
      <c r="A134" s="69">
        <v>58</v>
      </c>
      <c r="B134" s="71" t="s">
        <v>28</v>
      </c>
      <c r="C134" s="79" t="s">
        <v>89</v>
      </c>
      <c r="D134" s="73" t="s">
        <v>213</v>
      </c>
      <c r="E134" s="32">
        <v>90219</v>
      </c>
      <c r="F134" s="32">
        <v>90396</v>
      </c>
      <c r="G134" s="27">
        <v>177</v>
      </c>
      <c r="H134" s="67" t="s">
        <v>4</v>
      </c>
      <c r="I134" s="34"/>
    </row>
    <row r="135" spans="1:9" s="1" customFormat="1" ht="15" customHeight="1">
      <c r="A135" s="70"/>
      <c r="B135" s="71"/>
      <c r="C135" s="80"/>
      <c r="D135" s="73"/>
      <c r="E135" s="35">
        <v>90219</v>
      </c>
      <c r="F135" s="35">
        <v>90396</v>
      </c>
      <c r="G135" s="30">
        <v>177</v>
      </c>
      <c r="H135" s="68"/>
      <c r="I135" s="37"/>
    </row>
    <row r="136" spans="1:9" s="1" customFormat="1" ht="15" customHeight="1">
      <c r="A136" s="69">
        <v>59</v>
      </c>
      <c r="B136" s="71" t="s">
        <v>28</v>
      </c>
      <c r="C136" s="79" t="s">
        <v>128</v>
      </c>
      <c r="D136" s="87" t="s">
        <v>37</v>
      </c>
      <c r="E136" s="32">
        <v>118741</v>
      </c>
      <c r="F136" s="32">
        <v>200579</v>
      </c>
      <c r="G136" s="27">
        <v>81838</v>
      </c>
      <c r="H136" s="67" t="s">
        <v>4</v>
      </c>
      <c r="I136" s="34"/>
    </row>
    <row r="137" spans="1:9" s="1" customFormat="1" ht="15" customHeight="1">
      <c r="A137" s="70"/>
      <c r="B137" s="71"/>
      <c r="C137" s="80"/>
      <c r="D137" s="87"/>
      <c r="E137" s="35">
        <v>76131</v>
      </c>
      <c r="F137" s="35">
        <v>177352</v>
      </c>
      <c r="G137" s="30">
        <v>101221</v>
      </c>
      <c r="H137" s="68"/>
      <c r="I137" s="37"/>
    </row>
    <row r="138" spans="1:9" s="1" customFormat="1" ht="15" customHeight="1">
      <c r="A138" s="69">
        <v>60</v>
      </c>
      <c r="B138" s="71" t="s">
        <v>28</v>
      </c>
      <c r="C138" s="79" t="s">
        <v>209</v>
      </c>
      <c r="D138" s="73" t="s">
        <v>51</v>
      </c>
      <c r="E138" s="44">
        <v>30638</v>
      </c>
      <c r="F138" s="44">
        <v>86284</v>
      </c>
      <c r="G138" s="27">
        <v>55646</v>
      </c>
      <c r="H138" s="67" t="s">
        <v>4</v>
      </c>
      <c r="I138" s="34"/>
    </row>
    <row r="139" spans="1:9" s="1" customFormat="1" ht="15" customHeight="1">
      <c r="A139" s="70"/>
      <c r="B139" s="71"/>
      <c r="C139" s="80"/>
      <c r="D139" s="73"/>
      <c r="E139" s="38">
        <v>0</v>
      </c>
      <c r="F139" s="38">
        <v>71903</v>
      </c>
      <c r="G139" s="30">
        <v>71903</v>
      </c>
      <c r="H139" s="68"/>
      <c r="I139" s="37"/>
    </row>
    <row r="140" spans="1:9" s="1" customFormat="1" ht="15" customHeight="1">
      <c r="A140" s="69">
        <v>61</v>
      </c>
      <c r="B140" s="71" t="s">
        <v>28</v>
      </c>
      <c r="C140" s="79" t="s">
        <v>91</v>
      </c>
      <c r="D140" s="73" t="s">
        <v>51</v>
      </c>
      <c r="E140" s="44">
        <v>51660</v>
      </c>
      <c r="F140" s="44">
        <v>45026</v>
      </c>
      <c r="G140" s="27">
        <v>-6634</v>
      </c>
      <c r="H140" s="67" t="s">
        <v>4</v>
      </c>
      <c r="I140" s="34"/>
    </row>
    <row r="141" spans="1:9" s="1" customFormat="1" ht="15" customHeight="1">
      <c r="A141" s="70"/>
      <c r="B141" s="71"/>
      <c r="C141" s="80"/>
      <c r="D141" s="73"/>
      <c r="E141" s="38">
        <v>51660</v>
      </c>
      <c r="F141" s="38">
        <v>45026</v>
      </c>
      <c r="G141" s="30">
        <v>-6634</v>
      </c>
      <c r="H141" s="68"/>
      <c r="I141" s="37"/>
    </row>
    <row r="142" spans="1:9" s="1" customFormat="1" ht="15" customHeight="1">
      <c r="A142" s="69">
        <v>62</v>
      </c>
      <c r="B142" s="111" t="s">
        <v>28</v>
      </c>
      <c r="C142" s="79" t="s">
        <v>92</v>
      </c>
      <c r="D142" s="81" t="s">
        <v>214</v>
      </c>
      <c r="E142" s="32">
        <v>51692</v>
      </c>
      <c r="F142" s="32">
        <v>50412</v>
      </c>
      <c r="G142" s="27">
        <v>-1280</v>
      </c>
      <c r="H142" s="33"/>
      <c r="I142" s="50"/>
    </row>
    <row r="143" spans="1:9" s="1" customFormat="1" ht="15" customHeight="1">
      <c r="A143" s="70"/>
      <c r="B143" s="112"/>
      <c r="C143" s="80"/>
      <c r="D143" s="82"/>
      <c r="E143" s="35">
        <v>51692</v>
      </c>
      <c r="F143" s="35">
        <v>50412</v>
      </c>
      <c r="G143" s="30">
        <v>-1280</v>
      </c>
      <c r="H143" s="36"/>
      <c r="I143" s="37"/>
    </row>
    <row r="144" spans="1:9" s="1" customFormat="1" ht="15" customHeight="1">
      <c r="A144" s="69">
        <v>63</v>
      </c>
      <c r="B144" s="71" t="s">
        <v>28</v>
      </c>
      <c r="C144" s="79" t="s">
        <v>210</v>
      </c>
      <c r="D144" s="73" t="s">
        <v>51</v>
      </c>
      <c r="E144" s="44">
        <v>8286</v>
      </c>
      <c r="F144" s="44">
        <v>42832</v>
      </c>
      <c r="G144" s="27">
        <v>34546</v>
      </c>
      <c r="H144" s="45"/>
      <c r="I144" s="46"/>
    </row>
    <row r="145" spans="1:19" ht="15" customHeight="1">
      <c r="A145" s="70"/>
      <c r="B145" s="71"/>
      <c r="C145" s="80"/>
      <c r="D145" s="73"/>
      <c r="E145" s="38">
        <v>0</v>
      </c>
      <c r="F145" s="38">
        <v>39605</v>
      </c>
      <c r="G145" s="30">
        <v>39605</v>
      </c>
      <c r="H145" s="45"/>
      <c r="I145" s="46"/>
      <c r="J145" s="1"/>
      <c r="K145" s="1"/>
    </row>
    <row r="146" spans="1:19" ht="15" customHeight="1">
      <c r="A146" s="69">
        <v>64</v>
      </c>
      <c r="B146" s="71" t="s">
        <v>28</v>
      </c>
      <c r="C146" s="72" t="s">
        <v>221</v>
      </c>
      <c r="D146" s="73" t="s">
        <v>37</v>
      </c>
      <c r="E146" s="44">
        <v>902032</v>
      </c>
      <c r="F146" s="44">
        <v>851090</v>
      </c>
      <c r="G146" s="27">
        <v>-50942</v>
      </c>
      <c r="H146" s="67" t="s">
        <v>4</v>
      </c>
      <c r="I146" s="34"/>
      <c r="J146" s="1"/>
      <c r="K146" s="1"/>
    </row>
    <row r="147" spans="1:19" ht="15" customHeight="1">
      <c r="A147" s="70"/>
      <c r="B147" s="71"/>
      <c r="C147" s="72"/>
      <c r="D147" s="73"/>
      <c r="E147" s="38">
        <v>902032</v>
      </c>
      <c r="F147" s="38">
        <v>851090</v>
      </c>
      <c r="G147" s="30">
        <v>-50942</v>
      </c>
      <c r="H147" s="68"/>
      <c r="I147" s="37"/>
      <c r="J147" s="1"/>
      <c r="K147" s="1"/>
    </row>
    <row r="148" spans="1:19" ht="15" customHeight="1">
      <c r="A148" s="69">
        <v>65</v>
      </c>
      <c r="B148" s="71" t="s">
        <v>28</v>
      </c>
      <c r="C148" s="72" t="s">
        <v>126</v>
      </c>
      <c r="D148" s="73" t="s">
        <v>38</v>
      </c>
      <c r="E148" s="44">
        <v>42894</v>
      </c>
      <c r="F148" s="44">
        <v>0</v>
      </c>
      <c r="G148" s="27">
        <v>-42894</v>
      </c>
      <c r="H148" s="67" t="s">
        <v>4</v>
      </c>
      <c r="I148" s="34"/>
      <c r="J148" s="1"/>
      <c r="K148" s="1"/>
    </row>
    <row r="149" spans="1:19" ht="15" customHeight="1">
      <c r="A149" s="70"/>
      <c r="B149" s="71"/>
      <c r="C149" s="72"/>
      <c r="D149" s="73"/>
      <c r="E149" s="38">
        <v>14298</v>
      </c>
      <c r="F149" s="38">
        <v>0</v>
      </c>
      <c r="G149" s="30">
        <v>-14298</v>
      </c>
      <c r="H149" s="68"/>
      <c r="I149" s="37"/>
      <c r="J149" s="1"/>
      <c r="K149" s="1"/>
    </row>
    <row r="150" spans="1:19" ht="14.25" customHeight="1">
      <c r="A150" s="84" t="s">
        <v>40</v>
      </c>
      <c r="B150" s="87"/>
      <c r="C150" s="87"/>
      <c r="D150" s="87"/>
      <c r="E150" s="32">
        <v>156199162</v>
      </c>
      <c r="F150" s="32">
        <v>176476546</v>
      </c>
      <c r="G150" s="27">
        <v>20277384</v>
      </c>
      <c r="H150" s="67"/>
      <c r="I150" s="34"/>
      <c r="J150" s="41"/>
      <c r="K150" s="39"/>
      <c r="L150" s="39"/>
      <c r="M150" s="39"/>
      <c r="N150" s="39"/>
      <c r="O150" s="39"/>
      <c r="P150" s="4"/>
      <c r="Q150" s="42"/>
      <c r="R150" s="41"/>
      <c r="S150" s="41"/>
    </row>
    <row r="151" spans="1:19" ht="14.25" customHeight="1">
      <c r="A151" s="84"/>
      <c r="B151" s="87"/>
      <c r="C151" s="87"/>
      <c r="D151" s="87"/>
      <c r="E151" s="35">
        <v>46407022</v>
      </c>
      <c r="F151" s="35">
        <v>51259536</v>
      </c>
      <c r="G151" s="30">
        <v>4852514</v>
      </c>
      <c r="H151" s="68"/>
      <c r="I151" s="37"/>
      <c r="J151" s="41"/>
      <c r="K151" s="43"/>
      <c r="L151" s="39"/>
      <c r="M151" s="39"/>
      <c r="N151" s="39"/>
      <c r="O151" s="39"/>
      <c r="P151" s="4"/>
      <c r="Q151" s="42"/>
      <c r="R151" s="41"/>
      <c r="S151" s="41"/>
    </row>
    <row r="152" spans="1:19" ht="15" customHeight="1">
      <c r="A152" s="84">
        <v>66</v>
      </c>
      <c r="B152" s="71" t="s">
        <v>41</v>
      </c>
      <c r="C152" s="72" t="s">
        <v>129</v>
      </c>
      <c r="D152" s="73" t="s">
        <v>26</v>
      </c>
      <c r="E152" s="44">
        <v>29621635</v>
      </c>
      <c r="F152" s="44">
        <v>31223390</v>
      </c>
      <c r="G152" s="27">
        <v>1601755</v>
      </c>
      <c r="H152" s="67" t="s">
        <v>4</v>
      </c>
      <c r="I152" s="34"/>
      <c r="J152" s="1"/>
      <c r="K152" s="1"/>
    </row>
    <row r="153" spans="1:19" ht="15" customHeight="1">
      <c r="A153" s="84"/>
      <c r="B153" s="71"/>
      <c r="C153" s="72"/>
      <c r="D153" s="73"/>
      <c r="E153" s="38">
        <v>27551801</v>
      </c>
      <c r="F153" s="38">
        <v>29426537</v>
      </c>
      <c r="G153" s="30">
        <v>1874736</v>
      </c>
      <c r="H153" s="68"/>
      <c r="I153" s="37"/>
      <c r="J153" s="1"/>
      <c r="K153" s="1"/>
    </row>
    <row r="154" spans="1:19" ht="15" customHeight="1">
      <c r="A154" s="69">
        <v>67</v>
      </c>
      <c r="B154" s="71" t="s">
        <v>41</v>
      </c>
      <c r="C154" s="72" t="s">
        <v>130</v>
      </c>
      <c r="D154" s="73" t="s">
        <v>42</v>
      </c>
      <c r="E154" s="32">
        <v>75149</v>
      </c>
      <c r="F154" s="32">
        <v>75603</v>
      </c>
      <c r="G154" s="27">
        <v>454</v>
      </c>
      <c r="H154" s="67" t="s">
        <v>4</v>
      </c>
      <c r="I154" s="34"/>
      <c r="J154" s="1"/>
      <c r="K154" s="1"/>
    </row>
    <row r="155" spans="1:19" ht="15" customHeight="1">
      <c r="A155" s="70"/>
      <c r="B155" s="71"/>
      <c r="C155" s="72"/>
      <c r="D155" s="73"/>
      <c r="E155" s="35">
        <v>44582</v>
      </c>
      <c r="F155" s="35">
        <v>44808</v>
      </c>
      <c r="G155" s="30">
        <v>226</v>
      </c>
      <c r="H155" s="68"/>
      <c r="I155" s="37"/>
      <c r="J155" s="1"/>
      <c r="K155" s="1"/>
    </row>
    <row r="156" spans="1:19" ht="15" customHeight="1">
      <c r="A156" s="69">
        <v>68</v>
      </c>
      <c r="B156" s="71" t="s">
        <v>41</v>
      </c>
      <c r="C156" s="72" t="s">
        <v>131</v>
      </c>
      <c r="D156" s="73" t="s">
        <v>42</v>
      </c>
      <c r="E156" s="32">
        <v>11944</v>
      </c>
      <c r="F156" s="32">
        <v>16365</v>
      </c>
      <c r="G156" s="27">
        <v>4421</v>
      </c>
      <c r="H156" s="67" t="s">
        <v>4</v>
      </c>
      <c r="I156" s="34"/>
      <c r="J156" s="1"/>
      <c r="K156" s="1"/>
    </row>
    <row r="157" spans="1:19" ht="15" customHeight="1">
      <c r="A157" s="70"/>
      <c r="B157" s="71"/>
      <c r="C157" s="72"/>
      <c r="D157" s="73"/>
      <c r="E157" s="35">
        <v>5972</v>
      </c>
      <c r="F157" s="35">
        <v>8183</v>
      </c>
      <c r="G157" s="30">
        <v>2211</v>
      </c>
      <c r="H157" s="68"/>
      <c r="I157" s="37"/>
      <c r="J157" s="1"/>
      <c r="K157" s="1"/>
    </row>
    <row r="158" spans="1:19" ht="15" customHeight="1">
      <c r="A158" s="69">
        <v>69</v>
      </c>
      <c r="B158" s="71" t="s">
        <v>41</v>
      </c>
      <c r="C158" s="72" t="s">
        <v>132</v>
      </c>
      <c r="D158" s="73" t="s">
        <v>20</v>
      </c>
      <c r="E158" s="32">
        <v>15317</v>
      </c>
      <c r="F158" s="32">
        <v>15382</v>
      </c>
      <c r="G158" s="27">
        <v>65</v>
      </c>
      <c r="H158" s="67" t="s">
        <v>4</v>
      </c>
      <c r="I158" s="34"/>
      <c r="J158" s="1"/>
      <c r="K158" s="1"/>
    </row>
    <row r="159" spans="1:19" ht="15" customHeight="1">
      <c r="A159" s="70"/>
      <c r="B159" s="71"/>
      <c r="C159" s="72"/>
      <c r="D159" s="73"/>
      <c r="E159" s="35">
        <v>14872</v>
      </c>
      <c r="F159" s="35">
        <v>14939</v>
      </c>
      <c r="G159" s="30">
        <v>67</v>
      </c>
      <c r="H159" s="68"/>
      <c r="I159" s="37"/>
      <c r="J159" s="1"/>
      <c r="K159" s="1"/>
    </row>
    <row r="160" spans="1:19" ht="15" customHeight="1">
      <c r="A160" s="69">
        <v>70</v>
      </c>
      <c r="B160" s="71" t="s">
        <v>41</v>
      </c>
      <c r="C160" s="72" t="s">
        <v>133</v>
      </c>
      <c r="D160" s="73" t="s">
        <v>42</v>
      </c>
      <c r="E160" s="32">
        <v>110671</v>
      </c>
      <c r="F160" s="32">
        <v>60851</v>
      </c>
      <c r="G160" s="27">
        <v>-49820</v>
      </c>
      <c r="H160" s="67" t="s">
        <v>74</v>
      </c>
      <c r="I160" s="34">
        <v>302</v>
      </c>
      <c r="J160" s="1"/>
      <c r="K160" s="1"/>
    </row>
    <row r="161" spans="1:9" s="1" customFormat="1" ht="15" customHeight="1">
      <c r="A161" s="70"/>
      <c r="B161" s="71"/>
      <c r="C161" s="72"/>
      <c r="D161" s="73"/>
      <c r="E161" s="35">
        <v>110611</v>
      </c>
      <c r="F161" s="35">
        <v>60791</v>
      </c>
      <c r="G161" s="30">
        <v>-49820</v>
      </c>
      <c r="H161" s="68"/>
      <c r="I161" s="37">
        <v>302</v>
      </c>
    </row>
    <row r="162" spans="1:9" s="1" customFormat="1" ht="15" customHeight="1">
      <c r="A162" s="69">
        <v>71</v>
      </c>
      <c r="B162" s="71" t="s">
        <v>41</v>
      </c>
      <c r="C162" s="85" t="s">
        <v>208</v>
      </c>
      <c r="D162" s="73" t="s">
        <v>42</v>
      </c>
      <c r="E162" s="32">
        <v>2500</v>
      </c>
      <c r="F162" s="32">
        <v>2500</v>
      </c>
      <c r="G162" s="27">
        <v>0</v>
      </c>
      <c r="H162" s="67"/>
      <c r="I162" s="34"/>
    </row>
    <row r="163" spans="1:9" s="1" customFormat="1" ht="15" customHeight="1">
      <c r="A163" s="70"/>
      <c r="B163" s="71"/>
      <c r="C163" s="86"/>
      <c r="D163" s="73"/>
      <c r="E163" s="35">
        <v>2500</v>
      </c>
      <c r="F163" s="35">
        <v>2500</v>
      </c>
      <c r="G163" s="30">
        <v>0</v>
      </c>
      <c r="H163" s="68"/>
      <c r="I163" s="37"/>
    </row>
    <row r="164" spans="1:9" s="1" customFormat="1" ht="15" customHeight="1">
      <c r="A164" s="69">
        <v>72</v>
      </c>
      <c r="B164" s="71" t="s">
        <v>41</v>
      </c>
      <c r="C164" s="72" t="s">
        <v>134</v>
      </c>
      <c r="D164" s="73" t="s">
        <v>43</v>
      </c>
      <c r="E164" s="32">
        <v>49339</v>
      </c>
      <c r="F164" s="32">
        <v>51675</v>
      </c>
      <c r="G164" s="27">
        <v>2336</v>
      </c>
      <c r="H164" s="67" t="s">
        <v>4</v>
      </c>
      <c r="I164" s="34"/>
    </row>
    <row r="165" spans="1:9" s="1" customFormat="1" ht="15" customHeight="1">
      <c r="A165" s="70"/>
      <c r="B165" s="71"/>
      <c r="C165" s="72"/>
      <c r="D165" s="73"/>
      <c r="E165" s="35">
        <v>12336</v>
      </c>
      <c r="F165" s="35">
        <v>12919</v>
      </c>
      <c r="G165" s="30">
        <v>583</v>
      </c>
      <c r="H165" s="68"/>
      <c r="I165" s="37"/>
    </row>
    <row r="166" spans="1:9" s="1" customFormat="1" ht="15" customHeight="1">
      <c r="A166" s="69">
        <v>73</v>
      </c>
      <c r="B166" s="71" t="s">
        <v>41</v>
      </c>
      <c r="C166" s="116" t="s">
        <v>135</v>
      </c>
      <c r="D166" s="73" t="s">
        <v>43</v>
      </c>
      <c r="E166" s="32">
        <v>242</v>
      </c>
      <c r="F166" s="32">
        <v>394</v>
      </c>
      <c r="G166" s="27">
        <v>152</v>
      </c>
      <c r="H166" s="67" t="s">
        <v>4</v>
      </c>
      <c r="I166" s="34"/>
    </row>
    <row r="167" spans="1:9" s="1" customFormat="1" ht="15" customHeight="1">
      <c r="A167" s="70"/>
      <c r="B167" s="71"/>
      <c r="C167" s="116"/>
      <c r="D167" s="73"/>
      <c r="E167" s="35">
        <v>242</v>
      </c>
      <c r="F167" s="35">
        <v>394</v>
      </c>
      <c r="G167" s="30">
        <v>152</v>
      </c>
      <c r="H167" s="68"/>
      <c r="I167" s="37"/>
    </row>
    <row r="168" spans="1:9" s="1" customFormat="1" ht="15" customHeight="1">
      <c r="A168" s="69">
        <v>74</v>
      </c>
      <c r="B168" s="71" t="s">
        <v>41</v>
      </c>
      <c r="C168" s="72" t="s">
        <v>136</v>
      </c>
      <c r="D168" s="73" t="s">
        <v>44</v>
      </c>
      <c r="E168" s="32">
        <v>2644017</v>
      </c>
      <c r="F168" s="32">
        <v>2638824</v>
      </c>
      <c r="G168" s="27">
        <v>-5193</v>
      </c>
      <c r="H168" s="67" t="s">
        <v>4</v>
      </c>
      <c r="I168" s="34"/>
    </row>
    <row r="169" spans="1:9" s="1" customFormat="1" ht="15" customHeight="1">
      <c r="A169" s="70"/>
      <c r="B169" s="71"/>
      <c r="C169" s="72"/>
      <c r="D169" s="73"/>
      <c r="E169" s="35">
        <v>2156473</v>
      </c>
      <c r="F169" s="35">
        <v>2142374</v>
      </c>
      <c r="G169" s="30">
        <v>-14099</v>
      </c>
      <c r="H169" s="68"/>
      <c r="I169" s="37"/>
    </row>
    <row r="170" spans="1:9" s="1" customFormat="1" ht="15" customHeight="1">
      <c r="A170" s="69">
        <v>75</v>
      </c>
      <c r="B170" s="71" t="s">
        <v>41</v>
      </c>
      <c r="C170" s="72" t="s">
        <v>137</v>
      </c>
      <c r="D170" s="73" t="s">
        <v>44</v>
      </c>
      <c r="E170" s="32">
        <v>48876</v>
      </c>
      <c r="F170" s="32">
        <v>49644</v>
      </c>
      <c r="G170" s="27">
        <v>768</v>
      </c>
      <c r="H170" s="67" t="s">
        <v>4</v>
      </c>
      <c r="I170" s="34"/>
    </row>
    <row r="171" spans="1:9" s="1" customFormat="1" ht="13.5" customHeight="1">
      <c r="A171" s="70"/>
      <c r="B171" s="71"/>
      <c r="C171" s="72"/>
      <c r="D171" s="73"/>
      <c r="E171" s="35">
        <v>48876</v>
      </c>
      <c r="F171" s="35">
        <v>49644</v>
      </c>
      <c r="G171" s="30">
        <v>768</v>
      </c>
      <c r="H171" s="68"/>
      <c r="I171" s="37"/>
    </row>
    <row r="172" spans="1:9" s="1" customFormat="1" ht="15" customHeight="1">
      <c r="A172" s="69">
        <v>76</v>
      </c>
      <c r="B172" s="71" t="s">
        <v>41</v>
      </c>
      <c r="C172" s="72" t="s">
        <v>138</v>
      </c>
      <c r="D172" s="73" t="s">
        <v>45</v>
      </c>
      <c r="E172" s="32">
        <v>3384</v>
      </c>
      <c r="F172" s="32">
        <v>2760</v>
      </c>
      <c r="G172" s="27">
        <v>-624</v>
      </c>
      <c r="H172" s="67" t="s">
        <v>4</v>
      </c>
      <c r="I172" s="34"/>
    </row>
    <row r="173" spans="1:9" s="1" customFormat="1" ht="15" customHeight="1">
      <c r="A173" s="70"/>
      <c r="B173" s="71"/>
      <c r="C173" s="72"/>
      <c r="D173" s="73"/>
      <c r="E173" s="35">
        <v>3384</v>
      </c>
      <c r="F173" s="35">
        <v>2760</v>
      </c>
      <c r="G173" s="30">
        <v>-624</v>
      </c>
      <c r="H173" s="68"/>
      <c r="I173" s="37"/>
    </row>
    <row r="174" spans="1:9" s="1" customFormat="1" ht="15" customHeight="1">
      <c r="A174" s="69">
        <v>77</v>
      </c>
      <c r="B174" s="71" t="s">
        <v>41</v>
      </c>
      <c r="C174" s="72" t="s">
        <v>139</v>
      </c>
      <c r="D174" s="73" t="s">
        <v>44</v>
      </c>
      <c r="E174" s="32">
        <v>555362</v>
      </c>
      <c r="F174" s="32">
        <v>531924</v>
      </c>
      <c r="G174" s="27">
        <v>-23438</v>
      </c>
      <c r="H174" s="67" t="s">
        <v>4</v>
      </c>
      <c r="I174" s="34"/>
    </row>
    <row r="175" spans="1:9" s="1" customFormat="1" ht="15" customHeight="1">
      <c r="A175" s="70"/>
      <c r="B175" s="71"/>
      <c r="C175" s="72"/>
      <c r="D175" s="73"/>
      <c r="E175" s="35">
        <v>555362</v>
      </c>
      <c r="F175" s="35">
        <v>531924</v>
      </c>
      <c r="G175" s="30">
        <v>-23438</v>
      </c>
      <c r="H175" s="68"/>
      <c r="I175" s="37"/>
    </row>
    <row r="176" spans="1:9" s="1" customFormat="1" ht="15" customHeight="1">
      <c r="A176" s="69">
        <v>78</v>
      </c>
      <c r="B176" s="71" t="s">
        <v>41</v>
      </c>
      <c r="C176" s="72" t="s">
        <v>140</v>
      </c>
      <c r="D176" s="73" t="s">
        <v>46</v>
      </c>
      <c r="E176" s="44">
        <v>677594</v>
      </c>
      <c r="F176" s="44">
        <v>797057</v>
      </c>
      <c r="G176" s="27">
        <v>119463</v>
      </c>
      <c r="H176" s="67" t="s">
        <v>4</v>
      </c>
      <c r="I176" s="52"/>
    </row>
    <row r="177" spans="1:9" s="1" customFormat="1" ht="15" customHeight="1">
      <c r="A177" s="70"/>
      <c r="B177" s="71"/>
      <c r="C177" s="72"/>
      <c r="D177" s="73"/>
      <c r="E177" s="38">
        <v>0</v>
      </c>
      <c r="F177" s="38">
        <v>0</v>
      </c>
      <c r="G177" s="30">
        <v>0</v>
      </c>
      <c r="H177" s="68"/>
      <c r="I177" s="37"/>
    </row>
    <row r="178" spans="1:9" s="1" customFormat="1" ht="15" customHeight="1">
      <c r="A178" s="69">
        <v>79</v>
      </c>
      <c r="B178" s="71" t="s">
        <v>41</v>
      </c>
      <c r="C178" s="72" t="s">
        <v>201</v>
      </c>
      <c r="D178" s="73" t="s">
        <v>47</v>
      </c>
      <c r="E178" s="44">
        <v>173224</v>
      </c>
      <c r="F178" s="44">
        <v>127716</v>
      </c>
      <c r="G178" s="27">
        <v>-45508</v>
      </c>
      <c r="H178" s="67" t="s">
        <v>4</v>
      </c>
      <c r="I178" s="34"/>
    </row>
    <row r="179" spans="1:9" s="1" customFormat="1" ht="15" customHeight="1">
      <c r="A179" s="70"/>
      <c r="B179" s="71"/>
      <c r="C179" s="72"/>
      <c r="D179" s="73"/>
      <c r="E179" s="38">
        <v>0</v>
      </c>
      <c r="F179" s="38">
        <v>0</v>
      </c>
      <c r="G179" s="30">
        <v>0</v>
      </c>
      <c r="H179" s="68"/>
      <c r="I179" s="37"/>
    </row>
    <row r="180" spans="1:9" s="1" customFormat="1" ht="15" customHeight="1">
      <c r="A180" s="69">
        <v>80</v>
      </c>
      <c r="B180" s="71" t="s">
        <v>41</v>
      </c>
      <c r="C180" s="72" t="s">
        <v>141</v>
      </c>
      <c r="D180" s="73" t="s">
        <v>46</v>
      </c>
      <c r="E180" s="44">
        <v>146280</v>
      </c>
      <c r="F180" s="44">
        <v>146280</v>
      </c>
      <c r="G180" s="27">
        <v>0</v>
      </c>
      <c r="H180" s="67" t="s">
        <v>4</v>
      </c>
      <c r="I180" s="34"/>
    </row>
    <row r="181" spans="1:9" s="1" customFormat="1" ht="15" customHeight="1">
      <c r="A181" s="70"/>
      <c r="B181" s="71"/>
      <c r="C181" s="72"/>
      <c r="D181" s="73"/>
      <c r="E181" s="38">
        <v>0</v>
      </c>
      <c r="F181" s="38">
        <v>0</v>
      </c>
      <c r="G181" s="30">
        <v>0</v>
      </c>
      <c r="H181" s="68"/>
      <c r="I181" s="37"/>
    </row>
    <row r="182" spans="1:9" s="1" customFormat="1" ht="15" customHeight="1">
      <c r="A182" s="69">
        <v>81</v>
      </c>
      <c r="B182" s="71" t="s">
        <v>41</v>
      </c>
      <c r="C182" s="72" t="s">
        <v>142</v>
      </c>
      <c r="D182" s="73" t="s">
        <v>46</v>
      </c>
      <c r="E182" s="44">
        <v>213206</v>
      </c>
      <c r="F182" s="44">
        <v>481172</v>
      </c>
      <c r="G182" s="27">
        <v>267966</v>
      </c>
      <c r="H182" s="67" t="s">
        <v>4</v>
      </c>
      <c r="I182" s="34"/>
    </row>
    <row r="183" spans="1:9" s="1" customFormat="1" ht="15" customHeight="1">
      <c r="A183" s="70"/>
      <c r="B183" s="71"/>
      <c r="C183" s="72"/>
      <c r="D183" s="73"/>
      <c r="E183" s="38">
        <v>0</v>
      </c>
      <c r="F183" s="38">
        <v>0</v>
      </c>
      <c r="G183" s="30">
        <v>0</v>
      </c>
      <c r="H183" s="68"/>
      <c r="I183" s="37"/>
    </row>
    <row r="184" spans="1:9" s="1" customFormat="1" ht="15" customHeight="1">
      <c r="A184" s="69">
        <v>82</v>
      </c>
      <c r="B184" s="71" t="s">
        <v>41</v>
      </c>
      <c r="C184" s="72" t="s">
        <v>143</v>
      </c>
      <c r="D184" s="73" t="s">
        <v>46</v>
      </c>
      <c r="E184" s="44">
        <v>75517</v>
      </c>
      <c r="F184" s="44">
        <v>266150</v>
      </c>
      <c r="G184" s="27">
        <v>190633</v>
      </c>
      <c r="H184" s="67" t="s">
        <v>4</v>
      </c>
      <c r="I184" s="34"/>
    </row>
    <row r="185" spans="1:9" s="1" customFormat="1" ht="15" customHeight="1">
      <c r="A185" s="70"/>
      <c r="B185" s="71"/>
      <c r="C185" s="72"/>
      <c r="D185" s="73"/>
      <c r="E185" s="38">
        <v>0</v>
      </c>
      <c r="F185" s="38">
        <v>0</v>
      </c>
      <c r="G185" s="30">
        <v>0</v>
      </c>
      <c r="H185" s="68"/>
      <c r="I185" s="37"/>
    </row>
    <row r="186" spans="1:9" s="1" customFormat="1" ht="15" customHeight="1">
      <c r="A186" s="69">
        <v>83</v>
      </c>
      <c r="B186" s="71" t="s">
        <v>41</v>
      </c>
      <c r="C186" s="72" t="s">
        <v>144</v>
      </c>
      <c r="D186" s="73" t="s">
        <v>46</v>
      </c>
      <c r="E186" s="44">
        <v>56000</v>
      </c>
      <c r="F186" s="44">
        <v>24500</v>
      </c>
      <c r="G186" s="27">
        <v>-31500</v>
      </c>
      <c r="H186" s="67" t="s">
        <v>4</v>
      </c>
      <c r="I186" s="34"/>
    </row>
    <row r="187" spans="1:9" s="1" customFormat="1" ht="15" customHeight="1">
      <c r="A187" s="70"/>
      <c r="B187" s="71"/>
      <c r="C187" s="72"/>
      <c r="D187" s="73"/>
      <c r="E187" s="38">
        <v>0</v>
      </c>
      <c r="F187" s="38">
        <v>0</v>
      </c>
      <c r="G187" s="30">
        <v>0</v>
      </c>
      <c r="H187" s="68"/>
      <c r="I187" s="37"/>
    </row>
    <row r="188" spans="1:9" s="1" customFormat="1" ht="14.25" customHeight="1">
      <c r="A188" s="69">
        <v>84</v>
      </c>
      <c r="B188" s="71" t="s">
        <v>41</v>
      </c>
      <c r="C188" s="72" t="s">
        <v>145</v>
      </c>
      <c r="D188" s="73" t="s">
        <v>47</v>
      </c>
      <c r="E188" s="44">
        <v>560193</v>
      </c>
      <c r="F188" s="44">
        <v>88623</v>
      </c>
      <c r="G188" s="27">
        <v>-471570</v>
      </c>
      <c r="H188" s="67" t="s">
        <v>4</v>
      </c>
      <c r="I188" s="34"/>
    </row>
    <row r="189" spans="1:9" s="1" customFormat="1" ht="14.25" customHeight="1">
      <c r="A189" s="70"/>
      <c r="B189" s="71"/>
      <c r="C189" s="72"/>
      <c r="D189" s="73"/>
      <c r="E189" s="38">
        <v>0</v>
      </c>
      <c r="F189" s="38">
        <v>0</v>
      </c>
      <c r="G189" s="30">
        <v>0</v>
      </c>
      <c r="H189" s="68"/>
      <c r="I189" s="37"/>
    </row>
    <row r="190" spans="1:9" s="1" customFormat="1" ht="18.75" customHeight="1">
      <c r="A190" s="69">
        <v>85</v>
      </c>
      <c r="B190" s="71" t="s">
        <v>41</v>
      </c>
      <c r="C190" s="72" t="s">
        <v>215</v>
      </c>
      <c r="D190" s="73" t="s">
        <v>47</v>
      </c>
      <c r="E190" s="44">
        <v>676800</v>
      </c>
      <c r="F190" s="44">
        <v>1280268</v>
      </c>
      <c r="G190" s="27">
        <v>603468</v>
      </c>
      <c r="H190" s="45"/>
      <c r="I190" s="46"/>
    </row>
    <row r="191" spans="1:9" s="1" customFormat="1" ht="20.25" customHeight="1">
      <c r="A191" s="70"/>
      <c r="B191" s="71"/>
      <c r="C191" s="72"/>
      <c r="D191" s="73"/>
      <c r="E191" s="38">
        <v>0</v>
      </c>
      <c r="F191" s="38">
        <v>0</v>
      </c>
      <c r="G191" s="30">
        <v>0</v>
      </c>
      <c r="H191" s="45"/>
      <c r="I191" s="46"/>
    </row>
    <row r="192" spans="1:9" s="1" customFormat="1" ht="15" customHeight="1">
      <c r="A192" s="69">
        <v>86</v>
      </c>
      <c r="B192" s="71" t="s">
        <v>41</v>
      </c>
      <c r="C192" s="72" t="s">
        <v>146</v>
      </c>
      <c r="D192" s="73" t="s">
        <v>46</v>
      </c>
      <c r="E192" s="44">
        <v>54683</v>
      </c>
      <c r="F192" s="44">
        <v>538069</v>
      </c>
      <c r="G192" s="27">
        <v>483386</v>
      </c>
      <c r="H192" s="67" t="s">
        <v>4</v>
      </c>
      <c r="I192" s="34"/>
    </row>
    <row r="193" spans="1:9" s="1" customFormat="1" ht="15" customHeight="1">
      <c r="A193" s="70"/>
      <c r="B193" s="71"/>
      <c r="C193" s="72"/>
      <c r="D193" s="73"/>
      <c r="E193" s="38">
        <v>0</v>
      </c>
      <c r="F193" s="38">
        <v>746</v>
      </c>
      <c r="G193" s="30">
        <v>746</v>
      </c>
      <c r="H193" s="68"/>
      <c r="I193" s="37"/>
    </row>
    <row r="194" spans="1:9" s="1" customFormat="1" ht="15" customHeight="1">
      <c r="A194" s="69">
        <v>87</v>
      </c>
      <c r="B194" s="77" t="s">
        <v>41</v>
      </c>
      <c r="C194" s="79" t="s">
        <v>147</v>
      </c>
      <c r="D194" s="81" t="s">
        <v>44</v>
      </c>
      <c r="E194" s="26">
        <v>733070</v>
      </c>
      <c r="F194" s="26">
        <v>1094724</v>
      </c>
      <c r="G194" s="27">
        <v>361654</v>
      </c>
      <c r="H194" s="74" t="s">
        <v>74</v>
      </c>
      <c r="I194" s="34">
        <v>487036</v>
      </c>
    </row>
    <row r="195" spans="1:9" s="1" customFormat="1" ht="15" customHeight="1">
      <c r="A195" s="70"/>
      <c r="B195" s="78"/>
      <c r="C195" s="80"/>
      <c r="D195" s="82"/>
      <c r="E195" s="38">
        <v>593378</v>
      </c>
      <c r="F195" s="38">
        <v>670160</v>
      </c>
      <c r="G195" s="30">
        <v>76782</v>
      </c>
      <c r="H195" s="75"/>
      <c r="I195" s="37">
        <v>485808</v>
      </c>
    </row>
    <row r="196" spans="1:9" s="1" customFormat="1" ht="15" customHeight="1">
      <c r="A196" s="69">
        <v>88</v>
      </c>
      <c r="B196" s="77" t="s">
        <v>41</v>
      </c>
      <c r="C196" s="79" t="s">
        <v>148</v>
      </c>
      <c r="D196" s="81" t="s">
        <v>44</v>
      </c>
      <c r="E196" s="26">
        <v>163646</v>
      </c>
      <c r="F196" s="26">
        <v>156008</v>
      </c>
      <c r="G196" s="27">
        <v>-7638</v>
      </c>
      <c r="H196" s="74" t="s">
        <v>4</v>
      </c>
      <c r="I196" s="53"/>
    </row>
    <row r="197" spans="1:9" s="1" customFormat="1" ht="15" customHeight="1">
      <c r="A197" s="70"/>
      <c r="B197" s="78"/>
      <c r="C197" s="80"/>
      <c r="D197" s="82"/>
      <c r="E197" s="38">
        <v>93535</v>
      </c>
      <c r="F197" s="38">
        <v>88412</v>
      </c>
      <c r="G197" s="30">
        <v>-5123</v>
      </c>
      <c r="H197" s="75"/>
      <c r="I197" s="54"/>
    </row>
    <row r="198" spans="1:9" s="1" customFormat="1" ht="15" customHeight="1">
      <c r="A198" s="69">
        <v>89</v>
      </c>
      <c r="B198" s="77" t="s">
        <v>41</v>
      </c>
      <c r="C198" s="79" t="s">
        <v>149</v>
      </c>
      <c r="D198" s="117" t="s">
        <v>44</v>
      </c>
      <c r="E198" s="26">
        <v>6846489</v>
      </c>
      <c r="F198" s="26">
        <v>6619907</v>
      </c>
      <c r="G198" s="27">
        <v>-226582</v>
      </c>
      <c r="H198" s="74" t="s">
        <v>4</v>
      </c>
      <c r="I198" s="55"/>
    </row>
    <row r="199" spans="1:9" s="1" customFormat="1" ht="15" customHeight="1">
      <c r="A199" s="70"/>
      <c r="B199" s="78"/>
      <c r="C199" s="80"/>
      <c r="D199" s="118"/>
      <c r="E199" s="38">
        <v>5757989</v>
      </c>
      <c r="F199" s="38">
        <v>5526647</v>
      </c>
      <c r="G199" s="30">
        <v>-231342</v>
      </c>
      <c r="H199" s="75"/>
      <c r="I199" s="56"/>
    </row>
    <row r="200" spans="1:9" s="1" customFormat="1" ht="15" customHeight="1">
      <c r="A200" s="69">
        <v>90</v>
      </c>
      <c r="B200" s="77" t="s">
        <v>41</v>
      </c>
      <c r="C200" s="79" t="s">
        <v>150</v>
      </c>
      <c r="D200" s="81" t="s">
        <v>44</v>
      </c>
      <c r="E200" s="26">
        <v>18441</v>
      </c>
      <c r="F200" s="26">
        <v>17898</v>
      </c>
      <c r="G200" s="27">
        <v>-543</v>
      </c>
      <c r="H200" s="74" t="s">
        <v>4</v>
      </c>
      <c r="I200" s="57"/>
    </row>
    <row r="201" spans="1:9" s="1" customFormat="1" ht="15" customHeight="1">
      <c r="A201" s="70"/>
      <c r="B201" s="78"/>
      <c r="C201" s="80"/>
      <c r="D201" s="82"/>
      <c r="E201" s="38">
        <v>18441</v>
      </c>
      <c r="F201" s="38">
        <v>17898</v>
      </c>
      <c r="G201" s="30">
        <v>-543</v>
      </c>
      <c r="H201" s="75"/>
      <c r="I201" s="54"/>
    </row>
    <row r="202" spans="1:9" s="1" customFormat="1" ht="15" customHeight="1">
      <c r="A202" s="69">
        <v>91</v>
      </c>
      <c r="B202" s="77" t="s">
        <v>41</v>
      </c>
      <c r="C202" s="79" t="s">
        <v>151</v>
      </c>
      <c r="D202" s="81" t="s">
        <v>44</v>
      </c>
      <c r="E202" s="26">
        <v>2954</v>
      </c>
      <c r="F202" s="26">
        <v>3129</v>
      </c>
      <c r="G202" s="27">
        <v>175</v>
      </c>
      <c r="H202" s="74" t="s">
        <v>4</v>
      </c>
      <c r="I202" s="57"/>
    </row>
    <row r="203" spans="1:9" s="1" customFormat="1" ht="15" customHeight="1">
      <c r="A203" s="70"/>
      <c r="B203" s="78"/>
      <c r="C203" s="80"/>
      <c r="D203" s="82"/>
      <c r="E203" s="38">
        <v>2954</v>
      </c>
      <c r="F203" s="38">
        <v>3129</v>
      </c>
      <c r="G203" s="30">
        <v>175</v>
      </c>
      <c r="H203" s="75"/>
      <c r="I203" s="54"/>
    </row>
    <row r="204" spans="1:9" s="1" customFormat="1" ht="15" customHeight="1">
      <c r="A204" s="69">
        <v>92</v>
      </c>
      <c r="B204" s="77" t="s">
        <v>41</v>
      </c>
      <c r="C204" s="79" t="s">
        <v>152</v>
      </c>
      <c r="D204" s="81" t="s">
        <v>44</v>
      </c>
      <c r="E204" s="26">
        <v>20171</v>
      </c>
      <c r="F204" s="26">
        <v>19187</v>
      </c>
      <c r="G204" s="27">
        <v>-984</v>
      </c>
      <c r="H204" s="74" t="s">
        <v>4</v>
      </c>
      <c r="I204" s="57"/>
    </row>
    <row r="205" spans="1:9" s="1" customFormat="1" ht="15" customHeight="1">
      <c r="A205" s="70"/>
      <c r="B205" s="78"/>
      <c r="C205" s="80"/>
      <c r="D205" s="82"/>
      <c r="E205" s="38">
        <v>20171</v>
      </c>
      <c r="F205" s="38">
        <v>19187</v>
      </c>
      <c r="G205" s="30">
        <v>-984</v>
      </c>
      <c r="H205" s="75"/>
      <c r="I205" s="54"/>
    </row>
    <row r="206" spans="1:9" s="1" customFormat="1" ht="15" customHeight="1">
      <c r="A206" s="69">
        <v>93</v>
      </c>
      <c r="B206" s="77" t="s">
        <v>41</v>
      </c>
      <c r="C206" s="79" t="s">
        <v>153</v>
      </c>
      <c r="D206" s="81" t="s">
        <v>44</v>
      </c>
      <c r="E206" s="26">
        <v>48700</v>
      </c>
      <c r="F206" s="26">
        <v>48700</v>
      </c>
      <c r="G206" s="27">
        <v>0</v>
      </c>
      <c r="H206" s="74" t="s">
        <v>4</v>
      </c>
      <c r="I206" s="57"/>
    </row>
    <row r="207" spans="1:9" s="1" customFormat="1" ht="15" customHeight="1">
      <c r="A207" s="70"/>
      <c r="B207" s="78"/>
      <c r="C207" s="80"/>
      <c r="D207" s="82"/>
      <c r="E207" s="38">
        <v>48700</v>
      </c>
      <c r="F207" s="38">
        <v>48700</v>
      </c>
      <c r="G207" s="30">
        <v>0</v>
      </c>
      <c r="H207" s="75"/>
      <c r="I207" s="54"/>
    </row>
    <row r="208" spans="1:9" s="1" customFormat="1" ht="15" customHeight="1">
      <c r="A208" s="69">
        <v>94</v>
      </c>
      <c r="B208" s="71" t="s">
        <v>41</v>
      </c>
      <c r="C208" s="72" t="s">
        <v>154</v>
      </c>
      <c r="D208" s="73" t="s">
        <v>48</v>
      </c>
      <c r="E208" s="32">
        <v>184800</v>
      </c>
      <c r="F208" s="32">
        <v>139985</v>
      </c>
      <c r="G208" s="27">
        <v>-44815</v>
      </c>
      <c r="H208" s="67"/>
      <c r="I208" s="34"/>
    </row>
    <row r="209" spans="1:9" s="1" customFormat="1" ht="15" customHeight="1">
      <c r="A209" s="70"/>
      <c r="B209" s="71"/>
      <c r="C209" s="72"/>
      <c r="D209" s="73"/>
      <c r="E209" s="35">
        <v>147903</v>
      </c>
      <c r="F209" s="35">
        <v>87053</v>
      </c>
      <c r="G209" s="30">
        <v>-60850</v>
      </c>
      <c r="H209" s="68"/>
      <c r="I209" s="37"/>
    </row>
    <row r="210" spans="1:9" s="1" customFormat="1" ht="15" customHeight="1">
      <c r="A210" s="69">
        <v>95</v>
      </c>
      <c r="B210" s="71" t="s">
        <v>41</v>
      </c>
      <c r="C210" s="72" t="s">
        <v>155</v>
      </c>
      <c r="D210" s="73" t="s">
        <v>26</v>
      </c>
      <c r="E210" s="44">
        <v>39224</v>
      </c>
      <c r="F210" s="44">
        <v>3138</v>
      </c>
      <c r="G210" s="27">
        <v>-36086</v>
      </c>
      <c r="H210" s="67" t="s">
        <v>4</v>
      </c>
      <c r="I210" s="34"/>
    </row>
    <row r="211" spans="1:9" s="1" customFormat="1" ht="15" customHeight="1">
      <c r="A211" s="70"/>
      <c r="B211" s="71"/>
      <c r="C211" s="72"/>
      <c r="D211" s="73"/>
      <c r="E211" s="38">
        <v>16503</v>
      </c>
      <c r="F211" s="35">
        <v>1568</v>
      </c>
      <c r="G211" s="30">
        <v>-14935</v>
      </c>
      <c r="H211" s="68"/>
      <c r="I211" s="37"/>
    </row>
    <row r="212" spans="1:9" s="1" customFormat="1" ht="15" customHeight="1">
      <c r="A212" s="69">
        <v>96</v>
      </c>
      <c r="B212" s="71" t="s">
        <v>41</v>
      </c>
      <c r="C212" s="72" t="s">
        <v>88</v>
      </c>
      <c r="D212" s="81" t="s">
        <v>45</v>
      </c>
      <c r="E212" s="44">
        <v>32429</v>
      </c>
      <c r="F212" s="44">
        <v>12836</v>
      </c>
      <c r="G212" s="27">
        <v>-19593</v>
      </c>
      <c r="H212" s="67" t="s">
        <v>4</v>
      </c>
      <c r="I212" s="34"/>
    </row>
    <row r="213" spans="1:9" s="1" customFormat="1" ht="15" customHeight="1">
      <c r="A213" s="70"/>
      <c r="B213" s="71"/>
      <c r="C213" s="72"/>
      <c r="D213" s="82"/>
      <c r="E213" s="35">
        <v>32429</v>
      </c>
      <c r="F213" s="35">
        <v>12836</v>
      </c>
      <c r="G213" s="30">
        <v>-19593</v>
      </c>
      <c r="H213" s="68"/>
      <c r="I213" s="37"/>
    </row>
    <row r="214" spans="1:9" s="1" customFormat="1" ht="15" customHeight="1">
      <c r="A214" s="69">
        <v>97</v>
      </c>
      <c r="B214" s="71" t="s">
        <v>41</v>
      </c>
      <c r="C214" s="110" t="s">
        <v>156</v>
      </c>
      <c r="D214" s="73" t="s">
        <v>49</v>
      </c>
      <c r="E214" s="44">
        <v>210224</v>
      </c>
      <c r="F214" s="44">
        <v>4021040</v>
      </c>
      <c r="G214" s="27">
        <v>3810816</v>
      </c>
      <c r="H214" s="67" t="s">
        <v>4</v>
      </c>
      <c r="I214" s="34"/>
    </row>
    <row r="215" spans="1:9" s="1" customFormat="1" ht="15" customHeight="1">
      <c r="A215" s="70"/>
      <c r="B215" s="71"/>
      <c r="C215" s="110"/>
      <c r="D215" s="73"/>
      <c r="E215" s="38">
        <v>3454</v>
      </c>
      <c r="F215" s="38">
        <v>10012</v>
      </c>
      <c r="G215" s="30">
        <v>6558</v>
      </c>
      <c r="H215" s="68"/>
      <c r="I215" s="37"/>
    </row>
    <row r="216" spans="1:9" s="1" customFormat="1" ht="15" customHeight="1">
      <c r="A216" s="69">
        <v>98</v>
      </c>
      <c r="B216" s="71" t="s">
        <v>41</v>
      </c>
      <c r="C216" s="72" t="s">
        <v>157</v>
      </c>
      <c r="D216" s="73" t="s">
        <v>47</v>
      </c>
      <c r="E216" s="44">
        <v>203424</v>
      </c>
      <c r="F216" s="44">
        <v>88998</v>
      </c>
      <c r="G216" s="27">
        <v>-114426</v>
      </c>
      <c r="H216" s="67" t="s">
        <v>4</v>
      </c>
      <c r="I216" s="34"/>
    </row>
    <row r="217" spans="1:9" s="1" customFormat="1" ht="15" customHeight="1">
      <c r="A217" s="70"/>
      <c r="B217" s="71"/>
      <c r="C217" s="72"/>
      <c r="D217" s="73"/>
      <c r="E217" s="38">
        <v>0</v>
      </c>
      <c r="F217" s="38">
        <v>0</v>
      </c>
      <c r="G217" s="30">
        <v>0</v>
      </c>
      <c r="H217" s="68"/>
      <c r="I217" s="37"/>
    </row>
    <row r="218" spans="1:9" s="1" customFormat="1" ht="15" customHeight="1">
      <c r="A218" s="69">
        <v>99</v>
      </c>
      <c r="B218" s="77" t="s">
        <v>41</v>
      </c>
      <c r="C218" s="79" t="s">
        <v>158</v>
      </c>
      <c r="D218" s="81" t="s">
        <v>47</v>
      </c>
      <c r="E218" s="44">
        <v>112320</v>
      </c>
      <c r="F218" s="44">
        <v>354240</v>
      </c>
      <c r="G218" s="27">
        <v>241920</v>
      </c>
      <c r="H218" s="33" t="s">
        <v>4</v>
      </c>
      <c r="I218" s="34"/>
    </row>
    <row r="219" spans="1:9" s="1" customFormat="1" ht="15" customHeight="1">
      <c r="A219" s="70"/>
      <c r="B219" s="78"/>
      <c r="C219" s="80"/>
      <c r="D219" s="82"/>
      <c r="E219" s="38">
        <v>0</v>
      </c>
      <c r="F219" s="38">
        <v>0</v>
      </c>
      <c r="G219" s="30">
        <v>0</v>
      </c>
      <c r="H219" s="36"/>
      <c r="I219" s="37"/>
    </row>
    <row r="220" spans="1:9" s="1" customFormat="1" ht="15.75" customHeight="1">
      <c r="A220" s="69">
        <v>100</v>
      </c>
      <c r="B220" s="71" t="s">
        <v>41</v>
      </c>
      <c r="C220" s="72" t="s">
        <v>159</v>
      </c>
      <c r="D220" s="73" t="s">
        <v>47</v>
      </c>
      <c r="E220" s="44">
        <v>120500</v>
      </c>
      <c r="F220" s="44">
        <v>215500</v>
      </c>
      <c r="G220" s="27">
        <v>95000</v>
      </c>
      <c r="H220" s="45"/>
      <c r="I220" s="46"/>
    </row>
    <row r="221" spans="1:9" s="1" customFormat="1" ht="15.75" customHeight="1">
      <c r="A221" s="70"/>
      <c r="B221" s="71"/>
      <c r="C221" s="72"/>
      <c r="D221" s="73"/>
      <c r="E221" s="38">
        <v>0</v>
      </c>
      <c r="F221" s="38">
        <v>0</v>
      </c>
      <c r="G221" s="30">
        <v>0</v>
      </c>
      <c r="H221" s="45"/>
      <c r="I221" s="46"/>
    </row>
    <row r="222" spans="1:9" s="1" customFormat="1" ht="15" customHeight="1">
      <c r="A222" s="69">
        <v>101</v>
      </c>
      <c r="B222" s="71" t="s">
        <v>41</v>
      </c>
      <c r="C222" s="72" t="s">
        <v>89</v>
      </c>
      <c r="D222" s="73" t="s">
        <v>50</v>
      </c>
      <c r="E222" s="32">
        <v>15528</v>
      </c>
      <c r="F222" s="32">
        <v>15462</v>
      </c>
      <c r="G222" s="27">
        <v>-66</v>
      </c>
      <c r="H222" s="67" t="s">
        <v>4</v>
      </c>
      <c r="I222" s="34"/>
    </row>
    <row r="223" spans="1:9" s="1" customFormat="1" ht="15" customHeight="1">
      <c r="A223" s="70"/>
      <c r="B223" s="71"/>
      <c r="C223" s="72"/>
      <c r="D223" s="73"/>
      <c r="E223" s="35">
        <v>15528</v>
      </c>
      <c r="F223" s="35">
        <v>15462</v>
      </c>
      <c r="G223" s="30">
        <v>-66</v>
      </c>
      <c r="H223" s="68"/>
      <c r="I223" s="37"/>
    </row>
    <row r="224" spans="1:9" s="1" customFormat="1" ht="15" customHeight="1">
      <c r="A224" s="69">
        <v>102</v>
      </c>
      <c r="B224" s="71" t="s">
        <v>41</v>
      </c>
      <c r="C224" s="72" t="s">
        <v>128</v>
      </c>
      <c r="D224" s="73" t="s">
        <v>50</v>
      </c>
      <c r="E224" s="32">
        <v>2669</v>
      </c>
      <c r="F224" s="32">
        <v>1383</v>
      </c>
      <c r="G224" s="27">
        <v>-1286</v>
      </c>
      <c r="H224" s="67" t="s">
        <v>4</v>
      </c>
      <c r="I224" s="34"/>
    </row>
    <row r="225" spans="1:24" ht="15" customHeight="1">
      <c r="A225" s="70"/>
      <c r="B225" s="71"/>
      <c r="C225" s="72"/>
      <c r="D225" s="73"/>
      <c r="E225" s="35">
        <v>2669</v>
      </c>
      <c r="F225" s="35">
        <v>1383</v>
      </c>
      <c r="G225" s="30">
        <v>-1286</v>
      </c>
      <c r="H225" s="68"/>
      <c r="I225" s="37"/>
      <c r="J225" s="1"/>
      <c r="K225" s="1"/>
    </row>
    <row r="226" spans="1:24" ht="15" customHeight="1">
      <c r="A226" s="69">
        <v>103</v>
      </c>
      <c r="B226" s="71" t="s">
        <v>41</v>
      </c>
      <c r="C226" s="72" t="s">
        <v>209</v>
      </c>
      <c r="D226" s="81" t="s">
        <v>51</v>
      </c>
      <c r="E226" s="44">
        <v>3293</v>
      </c>
      <c r="F226" s="44">
        <v>12312</v>
      </c>
      <c r="G226" s="27">
        <v>9019</v>
      </c>
      <c r="H226" s="67" t="s">
        <v>4</v>
      </c>
      <c r="I226" s="34"/>
      <c r="J226" s="1"/>
      <c r="K226" s="1"/>
    </row>
    <row r="227" spans="1:24" ht="15" customHeight="1">
      <c r="A227" s="70"/>
      <c r="B227" s="71"/>
      <c r="C227" s="72"/>
      <c r="D227" s="82"/>
      <c r="E227" s="38">
        <v>0</v>
      </c>
      <c r="F227" s="38">
        <v>12312</v>
      </c>
      <c r="G227" s="30">
        <v>12312</v>
      </c>
      <c r="H227" s="68"/>
      <c r="I227" s="37"/>
      <c r="J227" s="1"/>
      <c r="K227" s="1"/>
    </row>
    <row r="228" spans="1:24" ht="15" customHeight="1">
      <c r="A228" s="69">
        <v>104</v>
      </c>
      <c r="B228" s="71" t="s">
        <v>41</v>
      </c>
      <c r="C228" s="72" t="s">
        <v>91</v>
      </c>
      <c r="D228" s="73" t="s">
        <v>51</v>
      </c>
      <c r="E228" s="44">
        <v>23242</v>
      </c>
      <c r="F228" s="44">
        <v>19775</v>
      </c>
      <c r="G228" s="27">
        <v>-3467</v>
      </c>
      <c r="H228" s="67" t="s">
        <v>4</v>
      </c>
      <c r="I228" s="34"/>
      <c r="J228" s="1"/>
      <c r="K228" s="1"/>
    </row>
    <row r="229" spans="1:24" ht="15" customHeight="1">
      <c r="A229" s="70"/>
      <c r="B229" s="71"/>
      <c r="C229" s="72"/>
      <c r="D229" s="73"/>
      <c r="E229" s="38">
        <v>23242</v>
      </c>
      <c r="F229" s="38">
        <v>19775</v>
      </c>
      <c r="G229" s="30">
        <v>-3467</v>
      </c>
      <c r="H229" s="68"/>
      <c r="I229" s="37"/>
      <c r="J229" s="1"/>
      <c r="K229" s="1"/>
    </row>
    <row r="230" spans="1:24" ht="15" customHeight="1">
      <c r="A230" s="69">
        <v>105</v>
      </c>
      <c r="B230" s="71" t="s">
        <v>41</v>
      </c>
      <c r="C230" s="72" t="s">
        <v>210</v>
      </c>
      <c r="D230" s="81" t="s">
        <v>51</v>
      </c>
      <c r="E230" s="44">
        <v>3624</v>
      </c>
      <c r="F230" s="44">
        <v>21314</v>
      </c>
      <c r="G230" s="27">
        <v>17690</v>
      </c>
      <c r="H230" s="67" t="s">
        <v>4</v>
      </c>
      <c r="I230" s="34"/>
      <c r="J230" s="1"/>
      <c r="K230" s="1"/>
    </row>
    <row r="231" spans="1:24" ht="15" customHeight="1">
      <c r="A231" s="70"/>
      <c r="B231" s="71"/>
      <c r="C231" s="72"/>
      <c r="D231" s="82"/>
      <c r="E231" s="38">
        <v>0</v>
      </c>
      <c r="F231" s="38">
        <v>19742</v>
      </c>
      <c r="G231" s="30">
        <v>19742</v>
      </c>
      <c r="H231" s="68"/>
      <c r="I231" s="37"/>
      <c r="J231" s="1"/>
      <c r="K231" s="1"/>
      <c r="P231" s="4"/>
      <c r="Q231" s="39"/>
    </row>
    <row r="232" spans="1:24" ht="15" customHeight="1">
      <c r="A232" s="69">
        <v>106</v>
      </c>
      <c r="B232" s="71" t="s">
        <v>41</v>
      </c>
      <c r="C232" s="72" t="s">
        <v>221</v>
      </c>
      <c r="D232" s="73" t="s">
        <v>222</v>
      </c>
      <c r="E232" s="44">
        <v>11525</v>
      </c>
      <c r="F232" s="44">
        <v>13622</v>
      </c>
      <c r="G232" s="27">
        <v>2097</v>
      </c>
      <c r="H232" s="67" t="s">
        <v>4</v>
      </c>
      <c r="I232" s="34"/>
      <c r="J232" s="1"/>
      <c r="K232" s="1"/>
    </row>
    <row r="233" spans="1:24" ht="15" customHeight="1">
      <c r="A233" s="70"/>
      <c r="B233" s="71"/>
      <c r="C233" s="72"/>
      <c r="D233" s="73"/>
      <c r="E233" s="38">
        <v>11525</v>
      </c>
      <c r="F233" s="38">
        <v>13622</v>
      </c>
      <c r="G233" s="30">
        <v>2097</v>
      </c>
      <c r="H233" s="68"/>
      <c r="I233" s="37"/>
      <c r="J233" s="1"/>
      <c r="K233" s="1"/>
      <c r="P233" s="4"/>
      <c r="Q233" s="39"/>
    </row>
    <row r="234" spans="1:24" ht="15" customHeight="1">
      <c r="A234" s="84" t="s">
        <v>198</v>
      </c>
      <c r="B234" s="87"/>
      <c r="C234" s="87"/>
      <c r="D234" s="87"/>
      <c r="E234" s="32">
        <v>44568206</v>
      </c>
      <c r="F234" s="32">
        <v>51298305</v>
      </c>
      <c r="G234" s="27">
        <v>6730099</v>
      </c>
      <c r="H234" s="74" t="s">
        <v>4</v>
      </c>
      <c r="I234" s="10"/>
      <c r="J234" s="41"/>
      <c r="K234" s="39"/>
      <c r="L234" s="39"/>
      <c r="M234" s="39"/>
      <c r="N234" s="39"/>
      <c r="O234" s="39"/>
      <c r="P234" s="4"/>
      <c r="Q234" s="42"/>
      <c r="R234" s="41"/>
      <c r="X234" s="1" t="str">
        <f>IF(V234=W234,"ええやん","クソが！")</f>
        <v>ええやん</v>
      </c>
    </row>
    <row r="235" spans="1:24" ht="15" customHeight="1">
      <c r="A235" s="84"/>
      <c r="B235" s="87"/>
      <c r="C235" s="87"/>
      <c r="D235" s="87"/>
      <c r="E235" s="35">
        <v>37295432</v>
      </c>
      <c r="F235" s="35">
        <v>38866417</v>
      </c>
      <c r="G235" s="35">
        <v>1570985</v>
      </c>
      <c r="H235" s="75"/>
      <c r="I235" s="37"/>
      <c r="J235" s="41"/>
      <c r="K235" s="43"/>
      <c r="L235" s="39"/>
      <c r="M235" s="39"/>
      <c r="N235" s="39"/>
      <c r="O235" s="39"/>
      <c r="P235" s="4"/>
      <c r="Q235" s="42"/>
      <c r="R235" s="41"/>
      <c r="W235" s="40"/>
      <c r="X235" s="1" t="str">
        <f>IF(V235=W235,"ええやん","クソが！")</f>
        <v>ええやん</v>
      </c>
    </row>
    <row r="236" spans="1:24" ht="15" customHeight="1">
      <c r="A236" s="84">
        <v>107</v>
      </c>
      <c r="B236" s="71" t="s">
        <v>52</v>
      </c>
      <c r="C236" s="72" t="s">
        <v>160</v>
      </c>
      <c r="D236" s="73" t="s">
        <v>53</v>
      </c>
      <c r="E236" s="9">
        <v>1718948</v>
      </c>
      <c r="F236" s="9">
        <v>1129079</v>
      </c>
      <c r="G236" s="27">
        <v>-589869</v>
      </c>
      <c r="H236" s="67" t="s">
        <v>4</v>
      </c>
      <c r="I236" s="34"/>
      <c r="J236" s="1"/>
      <c r="K236" s="1"/>
    </row>
    <row r="237" spans="1:24" ht="15" customHeight="1">
      <c r="A237" s="84"/>
      <c r="B237" s="71"/>
      <c r="C237" s="72"/>
      <c r="D237" s="73"/>
      <c r="E237" s="29">
        <v>430359</v>
      </c>
      <c r="F237" s="29">
        <v>305342</v>
      </c>
      <c r="G237" s="30">
        <v>-125017</v>
      </c>
      <c r="H237" s="115"/>
      <c r="I237" s="46"/>
      <c r="J237" s="1"/>
      <c r="K237" s="1"/>
    </row>
    <row r="238" spans="1:24" ht="18.75" customHeight="1">
      <c r="A238" s="69">
        <v>108</v>
      </c>
      <c r="B238" s="71" t="s">
        <v>52</v>
      </c>
      <c r="C238" s="72" t="s">
        <v>200</v>
      </c>
      <c r="D238" s="73" t="s">
        <v>53</v>
      </c>
      <c r="E238" s="32">
        <v>2958271</v>
      </c>
      <c r="F238" s="32">
        <v>20967</v>
      </c>
      <c r="G238" s="27">
        <v>-2937304</v>
      </c>
      <c r="H238" s="67" t="s">
        <v>207</v>
      </c>
      <c r="I238" s="34"/>
      <c r="J238" s="1"/>
      <c r="K238" s="1"/>
    </row>
    <row r="239" spans="1:24" ht="18.75" customHeight="1">
      <c r="A239" s="70"/>
      <c r="B239" s="71"/>
      <c r="C239" s="72"/>
      <c r="D239" s="73"/>
      <c r="E239" s="35">
        <v>107180</v>
      </c>
      <c r="F239" s="35">
        <v>0</v>
      </c>
      <c r="G239" s="30">
        <v>-107180</v>
      </c>
      <c r="H239" s="68"/>
      <c r="I239" s="37"/>
      <c r="J239" s="1"/>
      <c r="K239" s="1"/>
    </row>
    <row r="240" spans="1:24" ht="14.25" customHeight="1">
      <c r="A240" s="69">
        <v>109</v>
      </c>
      <c r="B240" s="71" t="s">
        <v>52</v>
      </c>
      <c r="C240" s="72" t="s">
        <v>161</v>
      </c>
      <c r="D240" s="73" t="s">
        <v>53</v>
      </c>
      <c r="E240" s="32">
        <v>176830</v>
      </c>
      <c r="F240" s="32">
        <v>176099</v>
      </c>
      <c r="G240" s="27">
        <v>-731</v>
      </c>
      <c r="H240" s="67" t="s">
        <v>4</v>
      </c>
      <c r="I240" s="34"/>
      <c r="J240" s="1"/>
      <c r="K240" s="1"/>
    </row>
    <row r="241" spans="1:19" ht="14.25" customHeight="1">
      <c r="A241" s="70"/>
      <c r="B241" s="71"/>
      <c r="C241" s="72"/>
      <c r="D241" s="73"/>
      <c r="E241" s="35">
        <v>52429</v>
      </c>
      <c r="F241" s="35">
        <v>52243</v>
      </c>
      <c r="G241" s="30">
        <v>-186</v>
      </c>
      <c r="H241" s="68"/>
      <c r="I241" s="37"/>
      <c r="J241" s="1"/>
      <c r="K241" s="1"/>
    </row>
    <row r="242" spans="1:19" ht="15" customHeight="1">
      <c r="A242" s="69">
        <v>110</v>
      </c>
      <c r="B242" s="71" t="s">
        <v>52</v>
      </c>
      <c r="C242" s="72" t="s">
        <v>162</v>
      </c>
      <c r="D242" s="73" t="s">
        <v>53</v>
      </c>
      <c r="E242" s="32">
        <v>169260</v>
      </c>
      <c r="F242" s="32">
        <v>159701</v>
      </c>
      <c r="G242" s="27">
        <v>-9559</v>
      </c>
      <c r="H242" s="67" t="s">
        <v>4</v>
      </c>
      <c r="I242" s="34"/>
      <c r="J242" s="1"/>
      <c r="K242" s="1"/>
    </row>
    <row r="243" spans="1:19" ht="15" customHeight="1">
      <c r="A243" s="70"/>
      <c r="B243" s="71"/>
      <c r="C243" s="72"/>
      <c r="D243" s="73"/>
      <c r="E243" s="35">
        <v>50319</v>
      </c>
      <c r="F243" s="35">
        <v>48030</v>
      </c>
      <c r="G243" s="30">
        <v>-2289</v>
      </c>
      <c r="H243" s="68"/>
      <c r="I243" s="37"/>
      <c r="J243" s="1"/>
      <c r="K243" s="1"/>
    </row>
    <row r="244" spans="1:19" ht="14.25" customHeight="1">
      <c r="A244" s="69">
        <v>111</v>
      </c>
      <c r="B244" s="71" t="s">
        <v>52</v>
      </c>
      <c r="C244" s="72" t="s">
        <v>163</v>
      </c>
      <c r="D244" s="73" t="s">
        <v>53</v>
      </c>
      <c r="E244" s="32">
        <v>96808</v>
      </c>
      <c r="F244" s="32">
        <v>96808</v>
      </c>
      <c r="G244" s="27">
        <v>0</v>
      </c>
      <c r="H244" s="67" t="s">
        <v>4</v>
      </c>
      <c r="I244" s="34"/>
      <c r="J244" s="1"/>
      <c r="K244" s="1"/>
    </row>
    <row r="245" spans="1:19" ht="14.25" customHeight="1">
      <c r="A245" s="70"/>
      <c r="B245" s="71"/>
      <c r="C245" s="72"/>
      <c r="D245" s="73"/>
      <c r="E245" s="35">
        <v>24637</v>
      </c>
      <c r="F245" s="35">
        <v>24638</v>
      </c>
      <c r="G245" s="30">
        <v>1</v>
      </c>
      <c r="H245" s="68"/>
      <c r="I245" s="37"/>
      <c r="J245" s="1"/>
      <c r="K245" s="1"/>
    </row>
    <row r="246" spans="1:19" ht="15" customHeight="1">
      <c r="A246" s="69">
        <v>112</v>
      </c>
      <c r="B246" s="71" t="s">
        <v>52</v>
      </c>
      <c r="C246" s="72" t="s">
        <v>164</v>
      </c>
      <c r="D246" s="73" t="s">
        <v>53</v>
      </c>
      <c r="E246" s="32">
        <v>4477</v>
      </c>
      <c r="F246" s="32">
        <v>5321</v>
      </c>
      <c r="G246" s="27">
        <v>844</v>
      </c>
      <c r="H246" s="67" t="s">
        <v>4</v>
      </c>
      <c r="I246" s="34"/>
      <c r="J246" s="1"/>
      <c r="K246" s="1"/>
    </row>
    <row r="247" spans="1:19" ht="15" customHeight="1">
      <c r="A247" s="70"/>
      <c r="B247" s="71"/>
      <c r="C247" s="72"/>
      <c r="D247" s="73"/>
      <c r="E247" s="35">
        <v>1678</v>
      </c>
      <c r="F247" s="35">
        <v>2165</v>
      </c>
      <c r="G247" s="30">
        <v>487</v>
      </c>
      <c r="H247" s="68"/>
      <c r="I247" s="37"/>
      <c r="J247" s="1"/>
      <c r="K247" s="1"/>
    </row>
    <row r="248" spans="1:19" ht="15" customHeight="1">
      <c r="A248" s="69">
        <v>113</v>
      </c>
      <c r="B248" s="71" t="s">
        <v>52</v>
      </c>
      <c r="C248" s="72" t="s">
        <v>89</v>
      </c>
      <c r="D248" s="73" t="s">
        <v>51</v>
      </c>
      <c r="E248" s="32">
        <v>4958</v>
      </c>
      <c r="F248" s="32">
        <v>4789</v>
      </c>
      <c r="G248" s="27">
        <v>-169</v>
      </c>
      <c r="H248" s="67" t="s">
        <v>4</v>
      </c>
      <c r="I248" s="34"/>
      <c r="J248" s="1"/>
      <c r="K248" s="1"/>
    </row>
    <row r="249" spans="1:19" ht="15" customHeight="1">
      <c r="A249" s="70"/>
      <c r="B249" s="71"/>
      <c r="C249" s="72"/>
      <c r="D249" s="73"/>
      <c r="E249" s="35">
        <v>4958</v>
      </c>
      <c r="F249" s="35">
        <v>4789</v>
      </c>
      <c r="G249" s="30">
        <v>-169</v>
      </c>
      <c r="H249" s="68"/>
      <c r="I249" s="37"/>
      <c r="J249" s="1"/>
      <c r="K249" s="1"/>
    </row>
    <row r="250" spans="1:19" ht="15" customHeight="1">
      <c r="A250" s="69">
        <v>114</v>
      </c>
      <c r="B250" s="71" t="s">
        <v>52</v>
      </c>
      <c r="C250" s="72" t="s">
        <v>128</v>
      </c>
      <c r="D250" s="73" t="s">
        <v>39</v>
      </c>
      <c r="E250" s="32">
        <v>1434</v>
      </c>
      <c r="F250" s="32">
        <v>221</v>
      </c>
      <c r="G250" s="27">
        <v>-1213</v>
      </c>
      <c r="H250" s="67" t="s">
        <v>4</v>
      </c>
      <c r="I250" s="34"/>
      <c r="J250" s="1"/>
      <c r="K250" s="1"/>
    </row>
    <row r="251" spans="1:19" ht="15" customHeight="1">
      <c r="A251" s="70"/>
      <c r="B251" s="71"/>
      <c r="C251" s="72"/>
      <c r="D251" s="73"/>
      <c r="E251" s="35">
        <v>1434</v>
      </c>
      <c r="F251" s="35">
        <v>221</v>
      </c>
      <c r="G251" s="30">
        <v>-1213</v>
      </c>
      <c r="H251" s="68"/>
      <c r="I251" s="37"/>
      <c r="J251" s="1"/>
      <c r="K251" s="1"/>
    </row>
    <row r="252" spans="1:19" ht="15" customHeight="1">
      <c r="A252" s="69">
        <v>115</v>
      </c>
      <c r="B252" s="111" t="s">
        <v>54</v>
      </c>
      <c r="C252" s="79" t="s">
        <v>209</v>
      </c>
      <c r="D252" s="73" t="s">
        <v>39</v>
      </c>
      <c r="E252" s="26">
        <v>538</v>
      </c>
      <c r="F252" s="26">
        <v>1970</v>
      </c>
      <c r="G252" s="27">
        <v>1432</v>
      </c>
      <c r="H252" s="45"/>
      <c r="I252" s="46"/>
      <c r="J252" s="1"/>
      <c r="K252" s="1"/>
    </row>
    <row r="253" spans="1:19" ht="15" customHeight="1">
      <c r="A253" s="70"/>
      <c r="B253" s="112"/>
      <c r="C253" s="80"/>
      <c r="D253" s="73"/>
      <c r="E253" s="35">
        <v>0</v>
      </c>
      <c r="F253" s="35">
        <v>1970</v>
      </c>
      <c r="G253" s="30">
        <v>1970</v>
      </c>
      <c r="H253" s="45"/>
      <c r="I253" s="46"/>
      <c r="J253" s="1"/>
      <c r="K253" s="1"/>
    </row>
    <row r="254" spans="1:19" ht="14.25" customHeight="1">
      <c r="A254" s="69">
        <v>116</v>
      </c>
      <c r="B254" s="111" t="s">
        <v>54</v>
      </c>
      <c r="C254" s="79" t="s">
        <v>223</v>
      </c>
      <c r="D254" s="73" t="s">
        <v>224</v>
      </c>
      <c r="E254" s="26">
        <v>1249999</v>
      </c>
      <c r="F254" s="26">
        <v>656151</v>
      </c>
      <c r="G254" s="27">
        <v>-593848</v>
      </c>
      <c r="H254" s="33"/>
      <c r="I254" s="50"/>
      <c r="J254" s="1"/>
      <c r="K254" s="1"/>
    </row>
    <row r="255" spans="1:19" ht="14.25" customHeight="1">
      <c r="A255" s="70"/>
      <c r="B255" s="112"/>
      <c r="C255" s="80"/>
      <c r="D255" s="73"/>
      <c r="E255" s="29">
        <v>1249999</v>
      </c>
      <c r="F255" s="29">
        <v>656151</v>
      </c>
      <c r="G255" s="30">
        <v>-593848</v>
      </c>
      <c r="H255" s="36"/>
      <c r="I255" s="37"/>
      <c r="J255" s="1"/>
      <c r="K255" s="1"/>
    </row>
    <row r="256" spans="1:19" ht="15" customHeight="1">
      <c r="A256" s="84" t="s">
        <v>55</v>
      </c>
      <c r="B256" s="87"/>
      <c r="C256" s="87"/>
      <c r="D256" s="87"/>
      <c r="E256" s="32">
        <v>6381523</v>
      </c>
      <c r="F256" s="32">
        <v>2251106</v>
      </c>
      <c r="G256" s="27">
        <v>-4130417</v>
      </c>
      <c r="H256" s="67"/>
      <c r="I256" s="34"/>
      <c r="J256" s="41"/>
      <c r="K256" s="39"/>
      <c r="L256" s="39"/>
      <c r="M256" s="39"/>
      <c r="N256" s="39"/>
      <c r="O256" s="39"/>
      <c r="P256" s="4"/>
      <c r="Q256" s="42"/>
      <c r="R256" s="41"/>
      <c r="S256" s="41"/>
    </row>
    <row r="257" spans="1:19" ht="15" customHeight="1">
      <c r="A257" s="84"/>
      <c r="B257" s="87"/>
      <c r="C257" s="87"/>
      <c r="D257" s="87"/>
      <c r="E257" s="35">
        <v>1922993</v>
      </c>
      <c r="F257" s="35">
        <v>1095549</v>
      </c>
      <c r="G257" s="30">
        <v>-827444</v>
      </c>
      <c r="H257" s="68"/>
      <c r="I257" s="37"/>
      <c r="J257" s="41"/>
      <c r="K257" s="43"/>
      <c r="L257" s="39"/>
      <c r="M257" s="39"/>
      <c r="N257" s="39"/>
      <c r="O257" s="39"/>
      <c r="P257" s="4"/>
      <c r="Q257" s="42"/>
      <c r="R257" s="47"/>
      <c r="S257" s="41"/>
    </row>
    <row r="258" spans="1:19" ht="15" customHeight="1">
      <c r="A258" s="84">
        <v>117</v>
      </c>
      <c r="B258" s="71" t="s">
        <v>56</v>
      </c>
      <c r="C258" s="72" t="s">
        <v>165</v>
      </c>
      <c r="D258" s="73" t="s">
        <v>53</v>
      </c>
      <c r="E258" s="32">
        <v>535271</v>
      </c>
      <c r="F258" s="32">
        <v>523835</v>
      </c>
      <c r="G258" s="27">
        <v>-11436</v>
      </c>
      <c r="H258" s="67"/>
      <c r="I258" s="34"/>
      <c r="J258" s="1"/>
      <c r="K258" s="1"/>
    </row>
    <row r="259" spans="1:19" ht="15" customHeight="1">
      <c r="A259" s="84"/>
      <c r="B259" s="71"/>
      <c r="C259" s="72"/>
      <c r="D259" s="73"/>
      <c r="E259" s="35">
        <v>359054</v>
      </c>
      <c r="F259" s="35">
        <v>355877</v>
      </c>
      <c r="G259" s="30">
        <v>-3177</v>
      </c>
      <c r="H259" s="68"/>
      <c r="I259" s="37"/>
      <c r="J259" s="1"/>
      <c r="K259" s="1"/>
    </row>
    <row r="260" spans="1:19" ht="15" customHeight="1">
      <c r="A260" s="84">
        <v>118</v>
      </c>
      <c r="B260" s="71" t="s">
        <v>56</v>
      </c>
      <c r="C260" s="72" t="s">
        <v>166</v>
      </c>
      <c r="D260" s="73" t="s">
        <v>53</v>
      </c>
      <c r="E260" s="32">
        <v>227635</v>
      </c>
      <c r="F260" s="32">
        <v>219254</v>
      </c>
      <c r="G260" s="27">
        <v>-8381</v>
      </c>
      <c r="H260" s="67"/>
      <c r="I260" s="34"/>
      <c r="J260" s="1"/>
      <c r="K260" s="1"/>
    </row>
    <row r="261" spans="1:19" ht="15" customHeight="1">
      <c r="A261" s="84"/>
      <c r="B261" s="71"/>
      <c r="C261" s="72"/>
      <c r="D261" s="73"/>
      <c r="E261" s="35">
        <v>113818</v>
      </c>
      <c r="F261" s="35">
        <v>109627</v>
      </c>
      <c r="G261" s="30">
        <v>-4191</v>
      </c>
      <c r="H261" s="68"/>
      <c r="I261" s="37"/>
      <c r="J261" s="1"/>
      <c r="K261" s="1"/>
    </row>
    <row r="262" spans="1:19" ht="15" customHeight="1">
      <c r="A262" s="84">
        <v>119</v>
      </c>
      <c r="B262" s="71" t="s">
        <v>56</v>
      </c>
      <c r="C262" s="72" t="s">
        <v>167</v>
      </c>
      <c r="D262" s="73" t="s">
        <v>53</v>
      </c>
      <c r="E262" s="32">
        <v>30226</v>
      </c>
      <c r="F262" s="32">
        <v>33065</v>
      </c>
      <c r="G262" s="27">
        <v>2839</v>
      </c>
      <c r="H262" s="67"/>
      <c r="I262" s="34"/>
      <c r="J262" s="1"/>
      <c r="K262" s="1"/>
    </row>
    <row r="263" spans="1:19" ht="15" customHeight="1">
      <c r="A263" s="84"/>
      <c r="B263" s="71"/>
      <c r="C263" s="72"/>
      <c r="D263" s="73"/>
      <c r="E263" s="35">
        <v>9226</v>
      </c>
      <c r="F263" s="35">
        <v>10065</v>
      </c>
      <c r="G263" s="30">
        <v>839</v>
      </c>
      <c r="H263" s="68"/>
      <c r="I263" s="37"/>
      <c r="J263" s="1"/>
      <c r="K263" s="1"/>
    </row>
    <row r="264" spans="1:19" ht="15" customHeight="1">
      <c r="A264" s="84">
        <v>120</v>
      </c>
      <c r="B264" s="71" t="s">
        <v>56</v>
      </c>
      <c r="C264" s="72" t="s">
        <v>168</v>
      </c>
      <c r="D264" s="73" t="s">
        <v>53</v>
      </c>
      <c r="E264" s="32">
        <v>27680</v>
      </c>
      <c r="F264" s="32">
        <v>26453</v>
      </c>
      <c r="G264" s="27">
        <v>-1227</v>
      </c>
      <c r="H264" s="67"/>
      <c r="I264" s="34"/>
      <c r="J264" s="1"/>
      <c r="K264" s="1"/>
    </row>
    <row r="265" spans="1:19" ht="15" customHeight="1">
      <c r="A265" s="84"/>
      <c r="B265" s="71"/>
      <c r="C265" s="72"/>
      <c r="D265" s="73"/>
      <c r="E265" s="35">
        <v>27680</v>
      </c>
      <c r="F265" s="35">
        <v>26453</v>
      </c>
      <c r="G265" s="30">
        <v>-1227</v>
      </c>
      <c r="H265" s="68"/>
      <c r="I265" s="37"/>
      <c r="J265" s="1"/>
      <c r="K265" s="1"/>
    </row>
    <row r="266" spans="1:19" ht="15" customHeight="1">
      <c r="A266" s="84" t="s">
        <v>57</v>
      </c>
      <c r="B266" s="87"/>
      <c r="C266" s="87"/>
      <c r="D266" s="87"/>
      <c r="E266" s="32">
        <v>820812</v>
      </c>
      <c r="F266" s="32">
        <v>802607</v>
      </c>
      <c r="G266" s="27">
        <v>-18205</v>
      </c>
      <c r="H266" s="67"/>
      <c r="I266" s="34"/>
      <c r="J266" s="41"/>
      <c r="K266" s="39"/>
      <c r="L266" s="39"/>
      <c r="M266" s="39"/>
      <c r="N266" s="39"/>
      <c r="O266" s="39"/>
      <c r="P266" s="4"/>
      <c r="Q266" s="42"/>
      <c r="R266" s="41"/>
      <c r="S266" s="41"/>
    </row>
    <row r="267" spans="1:19" ht="15" customHeight="1">
      <c r="A267" s="84"/>
      <c r="B267" s="87"/>
      <c r="C267" s="87"/>
      <c r="D267" s="87"/>
      <c r="E267" s="35">
        <v>509778</v>
      </c>
      <c r="F267" s="35">
        <v>502022</v>
      </c>
      <c r="G267" s="30">
        <v>-7756</v>
      </c>
      <c r="H267" s="68"/>
      <c r="I267" s="37"/>
      <c r="J267" s="41"/>
      <c r="K267" s="43"/>
      <c r="L267" s="39"/>
      <c r="M267" s="39"/>
      <c r="N267" s="39"/>
      <c r="O267" s="39"/>
      <c r="P267" s="4"/>
      <c r="Q267" s="42"/>
      <c r="R267" s="47"/>
      <c r="S267" s="41"/>
    </row>
    <row r="268" spans="1:19" ht="15" customHeight="1">
      <c r="A268" s="84">
        <v>121</v>
      </c>
      <c r="B268" s="71" t="s">
        <v>58</v>
      </c>
      <c r="C268" s="72" t="s">
        <v>169</v>
      </c>
      <c r="D268" s="73" t="s">
        <v>59</v>
      </c>
      <c r="E268" s="48">
        <v>672067</v>
      </c>
      <c r="F268" s="48">
        <v>656219</v>
      </c>
      <c r="G268" s="27">
        <v>-15848</v>
      </c>
      <c r="H268" s="115" t="s">
        <v>4</v>
      </c>
      <c r="I268" s="49"/>
      <c r="J268" s="1"/>
      <c r="K268" s="1"/>
    </row>
    <row r="269" spans="1:19" ht="15" customHeight="1">
      <c r="A269" s="84"/>
      <c r="B269" s="71"/>
      <c r="C269" s="72"/>
      <c r="D269" s="73"/>
      <c r="E269" s="35">
        <v>153222</v>
      </c>
      <c r="F269" s="35">
        <v>150641</v>
      </c>
      <c r="G269" s="30">
        <v>-2581</v>
      </c>
      <c r="H269" s="68"/>
      <c r="I269" s="37"/>
      <c r="J269" s="1"/>
      <c r="K269" s="1"/>
    </row>
    <row r="270" spans="1:19" ht="15" customHeight="1">
      <c r="A270" s="69">
        <v>122</v>
      </c>
      <c r="B270" s="71" t="s">
        <v>58</v>
      </c>
      <c r="C270" s="72" t="s">
        <v>132</v>
      </c>
      <c r="D270" s="73" t="s">
        <v>20</v>
      </c>
      <c r="E270" s="32">
        <v>280133</v>
      </c>
      <c r="F270" s="32">
        <v>294389</v>
      </c>
      <c r="G270" s="27">
        <v>14256</v>
      </c>
      <c r="H270" s="67" t="s">
        <v>4</v>
      </c>
      <c r="I270" s="34"/>
      <c r="J270" s="1"/>
      <c r="K270" s="1"/>
    </row>
    <row r="271" spans="1:19" ht="15" customHeight="1">
      <c r="A271" s="70"/>
      <c r="B271" s="71"/>
      <c r="C271" s="72"/>
      <c r="D271" s="73"/>
      <c r="E271" s="35">
        <v>216128</v>
      </c>
      <c r="F271" s="35">
        <v>149236</v>
      </c>
      <c r="G271" s="30">
        <v>-66892</v>
      </c>
      <c r="H271" s="68"/>
      <c r="I271" s="37"/>
      <c r="J271" s="1"/>
      <c r="K271" s="1"/>
    </row>
    <row r="272" spans="1:19" ht="15" customHeight="1">
      <c r="A272" s="69">
        <v>123</v>
      </c>
      <c r="B272" s="71" t="s">
        <v>58</v>
      </c>
      <c r="C272" s="72" t="s">
        <v>170</v>
      </c>
      <c r="D272" s="73" t="s">
        <v>60</v>
      </c>
      <c r="E272" s="32">
        <v>101775</v>
      </c>
      <c r="F272" s="32">
        <v>200687</v>
      </c>
      <c r="G272" s="27">
        <v>98912</v>
      </c>
      <c r="H272" s="67" t="s">
        <v>4</v>
      </c>
      <c r="I272" s="34"/>
      <c r="J272" s="1"/>
      <c r="K272" s="1"/>
    </row>
    <row r="273" spans="1:19" ht="15" customHeight="1">
      <c r="A273" s="70"/>
      <c r="B273" s="71"/>
      <c r="C273" s="72"/>
      <c r="D273" s="73"/>
      <c r="E273" s="35">
        <v>68982</v>
      </c>
      <c r="F273" s="35">
        <v>83009</v>
      </c>
      <c r="G273" s="30">
        <v>14027</v>
      </c>
      <c r="H273" s="68"/>
      <c r="I273" s="37"/>
      <c r="J273" s="1"/>
      <c r="K273" s="1"/>
    </row>
    <row r="274" spans="1:19" ht="15" customHeight="1">
      <c r="A274" s="69">
        <v>124</v>
      </c>
      <c r="B274" s="71" t="s">
        <v>58</v>
      </c>
      <c r="C274" s="72" t="s">
        <v>171</v>
      </c>
      <c r="D274" s="73" t="s">
        <v>18</v>
      </c>
      <c r="E274" s="32">
        <v>3339</v>
      </c>
      <c r="F274" s="32">
        <v>2611</v>
      </c>
      <c r="G274" s="27">
        <v>-728</v>
      </c>
      <c r="H274" s="67" t="s">
        <v>4</v>
      </c>
      <c r="I274" s="34"/>
      <c r="J274" s="1"/>
      <c r="K274" s="1"/>
    </row>
    <row r="275" spans="1:19" ht="15" customHeight="1">
      <c r="A275" s="70"/>
      <c r="B275" s="71"/>
      <c r="C275" s="72"/>
      <c r="D275" s="73"/>
      <c r="E275" s="35">
        <v>1937</v>
      </c>
      <c r="F275" s="35">
        <v>1726</v>
      </c>
      <c r="G275" s="30">
        <v>-211</v>
      </c>
      <c r="H275" s="68"/>
      <c r="I275" s="37"/>
      <c r="J275" s="1"/>
      <c r="K275" s="1"/>
    </row>
    <row r="276" spans="1:19" ht="15" customHeight="1">
      <c r="A276" s="69">
        <v>125</v>
      </c>
      <c r="B276" s="71" t="s">
        <v>58</v>
      </c>
      <c r="C276" s="72" t="s">
        <v>172</v>
      </c>
      <c r="D276" s="73" t="s">
        <v>59</v>
      </c>
      <c r="E276" s="32">
        <v>7032</v>
      </c>
      <c r="F276" s="32">
        <v>7032</v>
      </c>
      <c r="G276" s="27">
        <v>0</v>
      </c>
      <c r="H276" s="67" t="s">
        <v>4</v>
      </c>
      <c r="I276" s="34"/>
      <c r="J276" s="1"/>
      <c r="K276" s="1"/>
    </row>
    <row r="277" spans="1:19" ht="15" customHeight="1">
      <c r="A277" s="70"/>
      <c r="B277" s="71"/>
      <c r="C277" s="72"/>
      <c r="D277" s="73"/>
      <c r="E277" s="35">
        <v>5211</v>
      </c>
      <c r="F277" s="35">
        <v>5211</v>
      </c>
      <c r="G277" s="30">
        <v>0</v>
      </c>
      <c r="H277" s="68"/>
      <c r="I277" s="37"/>
      <c r="J277" s="1"/>
      <c r="K277" s="1"/>
    </row>
    <row r="278" spans="1:19" ht="15" customHeight="1">
      <c r="A278" s="69">
        <v>126</v>
      </c>
      <c r="B278" s="71" t="s">
        <v>58</v>
      </c>
      <c r="C278" s="79" t="s">
        <v>236</v>
      </c>
      <c r="D278" s="73" t="s">
        <v>237</v>
      </c>
      <c r="E278" s="32">
        <v>576</v>
      </c>
      <c r="F278" s="32">
        <v>1001</v>
      </c>
      <c r="G278" s="27">
        <v>425</v>
      </c>
      <c r="H278" s="67" t="s">
        <v>4</v>
      </c>
      <c r="I278" s="34"/>
      <c r="J278" s="1"/>
      <c r="K278" s="1"/>
    </row>
    <row r="279" spans="1:19" ht="15" customHeight="1">
      <c r="A279" s="70"/>
      <c r="B279" s="71"/>
      <c r="C279" s="80"/>
      <c r="D279" s="73"/>
      <c r="E279" s="35">
        <v>576</v>
      </c>
      <c r="F279" s="35">
        <v>1001</v>
      </c>
      <c r="G279" s="30">
        <v>425</v>
      </c>
      <c r="H279" s="68"/>
      <c r="I279" s="37"/>
      <c r="J279" s="1"/>
      <c r="K279" s="1"/>
    </row>
    <row r="280" spans="1:19" ht="15" customHeight="1">
      <c r="A280" s="84" t="s">
        <v>202</v>
      </c>
      <c r="B280" s="87"/>
      <c r="C280" s="87"/>
      <c r="D280" s="87"/>
      <c r="E280" s="32">
        <v>1064922</v>
      </c>
      <c r="F280" s="32">
        <v>1161939</v>
      </c>
      <c r="G280" s="27">
        <v>97017</v>
      </c>
      <c r="H280" s="67"/>
      <c r="I280" s="34"/>
      <c r="J280" s="41"/>
      <c r="K280" s="39"/>
      <c r="L280" s="39"/>
      <c r="M280" s="39"/>
      <c r="N280" s="39"/>
      <c r="O280" s="39"/>
      <c r="P280" s="4"/>
      <c r="Q280" s="42"/>
      <c r="R280" s="41"/>
      <c r="S280" s="41"/>
    </row>
    <row r="281" spans="1:19" ht="15" customHeight="1">
      <c r="A281" s="84"/>
      <c r="B281" s="87"/>
      <c r="C281" s="87"/>
      <c r="D281" s="87"/>
      <c r="E281" s="35">
        <v>446056</v>
      </c>
      <c r="F281" s="35">
        <v>390824</v>
      </c>
      <c r="G281" s="30">
        <v>-55232</v>
      </c>
      <c r="H281" s="68"/>
      <c r="I281" s="37"/>
      <c r="J281" s="41"/>
      <c r="K281" s="43"/>
      <c r="L281" s="39"/>
      <c r="M281" s="39"/>
      <c r="N281" s="39"/>
      <c r="O281" s="39"/>
      <c r="P281" s="4"/>
      <c r="Q281" s="42"/>
      <c r="R281" s="47"/>
      <c r="S281" s="41"/>
    </row>
    <row r="282" spans="1:19" ht="15" customHeight="1" collapsed="1">
      <c r="A282" s="84">
        <v>127</v>
      </c>
      <c r="B282" s="83" t="s">
        <v>229</v>
      </c>
      <c r="C282" s="79" t="s">
        <v>194</v>
      </c>
      <c r="D282" s="73" t="s">
        <v>31</v>
      </c>
      <c r="E282" s="32">
        <v>779</v>
      </c>
      <c r="F282" s="32">
        <v>779</v>
      </c>
      <c r="G282" s="27">
        <v>0</v>
      </c>
      <c r="H282" s="67" t="s">
        <v>4</v>
      </c>
      <c r="I282" s="34"/>
      <c r="J282" s="1"/>
      <c r="K282" s="1"/>
    </row>
    <row r="283" spans="1:19" ht="15" customHeight="1">
      <c r="A283" s="84"/>
      <c r="B283" s="83"/>
      <c r="C283" s="80"/>
      <c r="D283" s="73"/>
      <c r="E283" s="35">
        <v>0</v>
      </c>
      <c r="F283" s="35">
        <v>0</v>
      </c>
      <c r="G283" s="30">
        <v>0</v>
      </c>
      <c r="H283" s="68"/>
      <c r="I283" s="37"/>
      <c r="J283" s="1"/>
      <c r="K283" s="1"/>
    </row>
    <row r="284" spans="1:19" ht="15" customHeight="1">
      <c r="A284" s="84" t="s">
        <v>232</v>
      </c>
      <c r="B284" s="87"/>
      <c r="C284" s="87"/>
      <c r="D284" s="87"/>
      <c r="E284" s="32">
        <v>779</v>
      </c>
      <c r="F284" s="32">
        <v>779</v>
      </c>
      <c r="G284" s="27">
        <v>0</v>
      </c>
      <c r="H284" s="67"/>
      <c r="I284" s="34"/>
      <c r="J284" s="41"/>
      <c r="K284" s="39"/>
      <c r="L284" s="39"/>
      <c r="M284" s="39"/>
      <c r="N284" s="39"/>
      <c r="O284" s="39"/>
      <c r="P284" s="4"/>
      <c r="Q284" s="42"/>
      <c r="R284" s="47"/>
      <c r="S284" s="41"/>
    </row>
    <row r="285" spans="1:19" ht="15" customHeight="1">
      <c r="A285" s="84"/>
      <c r="B285" s="87"/>
      <c r="C285" s="87"/>
      <c r="D285" s="87"/>
      <c r="E285" s="35">
        <v>0</v>
      </c>
      <c r="F285" s="35">
        <v>0</v>
      </c>
      <c r="G285" s="30">
        <v>0</v>
      </c>
      <c r="H285" s="68"/>
      <c r="I285" s="37"/>
      <c r="J285" s="41"/>
      <c r="K285" s="43"/>
      <c r="L285" s="39"/>
      <c r="M285" s="39"/>
      <c r="N285" s="39"/>
      <c r="O285" s="39"/>
      <c r="P285" s="4"/>
      <c r="Q285" s="42"/>
      <c r="R285" s="41"/>
      <c r="S285" s="41"/>
    </row>
    <row r="286" spans="1:19" ht="15" customHeight="1" collapsed="1">
      <c r="A286" s="84">
        <v>128</v>
      </c>
      <c r="B286" s="83" t="s">
        <v>230</v>
      </c>
      <c r="C286" s="79" t="s">
        <v>192</v>
      </c>
      <c r="D286" s="73" t="s">
        <v>60</v>
      </c>
      <c r="E286" s="32">
        <v>377196</v>
      </c>
      <c r="F286" s="32">
        <v>51421</v>
      </c>
      <c r="G286" s="27">
        <v>-325775</v>
      </c>
      <c r="H286" s="67" t="s">
        <v>4</v>
      </c>
      <c r="I286" s="34"/>
      <c r="J286" s="1"/>
      <c r="K286" s="1"/>
    </row>
    <row r="287" spans="1:19" ht="15" customHeight="1">
      <c r="A287" s="84"/>
      <c r="B287" s="83"/>
      <c r="C287" s="80"/>
      <c r="D287" s="73"/>
      <c r="E287" s="35">
        <v>0</v>
      </c>
      <c r="F287" s="35">
        <v>0</v>
      </c>
      <c r="G287" s="30">
        <v>0</v>
      </c>
      <c r="H287" s="68"/>
      <c r="I287" s="37"/>
      <c r="J287" s="1"/>
      <c r="K287" s="1"/>
    </row>
    <row r="288" spans="1:19" ht="15" customHeight="1">
      <c r="A288" s="84" t="s">
        <v>233</v>
      </c>
      <c r="B288" s="87"/>
      <c r="C288" s="87"/>
      <c r="D288" s="87"/>
      <c r="E288" s="32">
        <v>377196</v>
      </c>
      <c r="F288" s="32">
        <v>51421</v>
      </c>
      <c r="G288" s="27">
        <v>-325775</v>
      </c>
      <c r="H288" s="67"/>
      <c r="I288" s="34"/>
      <c r="J288" s="41"/>
      <c r="K288" s="39"/>
      <c r="L288" s="39"/>
      <c r="M288" s="39"/>
      <c r="N288" s="39"/>
      <c r="O288" s="39"/>
      <c r="P288" s="4"/>
      <c r="Q288" s="42"/>
      <c r="R288" s="47"/>
      <c r="S288" s="41"/>
    </row>
    <row r="289" spans="1:19" ht="15" customHeight="1">
      <c r="A289" s="84"/>
      <c r="B289" s="87"/>
      <c r="C289" s="87"/>
      <c r="D289" s="87"/>
      <c r="E289" s="35">
        <v>0</v>
      </c>
      <c r="F289" s="35">
        <v>0</v>
      </c>
      <c r="G289" s="30">
        <v>0</v>
      </c>
      <c r="H289" s="68"/>
      <c r="I289" s="37"/>
      <c r="J289" s="41"/>
      <c r="K289" s="43"/>
      <c r="L289" s="39"/>
      <c r="M289" s="39"/>
      <c r="N289" s="39"/>
      <c r="O289" s="39"/>
      <c r="P289" s="4"/>
      <c r="Q289" s="42"/>
      <c r="R289" s="41"/>
      <c r="S289" s="41"/>
    </row>
    <row r="290" spans="1:19" ht="15" customHeight="1">
      <c r="A290" s="84">
        <v>129</v>
      </c>
      <c r="B290" s="71" t="s">
        <v>61</v>
      </c>
      <c r="C290" s="72" t="s">
        <v>173</v>
      </c>
      <c r="D290" s="73" t="s">
        <v>59</v>
      </c>
      <c r="E290" s="32">
        <v>617187</v>
      </c>
      <c r="F290" s="32">
        <v>624882</v>
      </c>
      <c r="G290" s="27">
        <v>7695</v>
      </c>
      <c r="H290" s="67" t="s">
        <v>4</v>
      </c>
      <c r="I290" s="34"/>
      <c r="J290" s="1"/>
      <c r="K290" s="1"/>
    </row>
    <row r="291" spans="1:19" ht="15" customHeight="1">
      <c r="A291" s="84"/>
      <c r="B291" s="71"/>
      <c r="C291" s="72"/>
      <c r="D291" s="73"/>
      <c r="E291" s="35">
        <v>155327</v>
      </c>
      <c r="F291" s="35">
        <v>154328</v>
      </c>
      <c r="G291" s="30">
        <v>-999</v>
      </c>
      <c r="H291" s="68"/>
      <c r="I291" s="37"/>
      <c r="J291" s="1"/>
      <c r="K291" s="1"/>
    </row>
    <row r="292" spans="1:19" ht="15" customHeight="1">
      <c r="A292" s="69">
        <v>130</v>
      </c>
      <c r="B292" s="71" t="s">
        <v>61</v>
      </c>
      <c r="C292" s="72" t="s">
        <v>174</v>
      </c>
      <c r="D292" s="73" t="s">
        <v>59</v>
      </c>
      <c r="E292" s="32">
        <v>1576017</v>
      </c>
      <c r="F292" s="32">
        <v>1408467</v>
      </c>
      <c r="G292" s="27">
        <v>-167550</v>
      </c>
      <c r="H292" s="67" t="s">
        <v>4</v>
      </c>
      <c r="I292" s="34"/>
      <c r="J292" s="1"/>
      <c r="K292" s="1"/>
    </row>
    <row r="293" spans="1:19" ht="15" customHeight="1">
      <c r="A293" s="70"/>
      <c r="B293" s="71"/>
      <c r="C293" s="72"/>
      <c r="D293" s="73"/>
      <c r="E293" s="35">
        <v>1109100</v>
      </c>
      <c r="F293" s="35">
        <v>1080792</v>
      </c>
      <c r="G293" s="30">
        <v>-28308</v>
      </c>
      <c r="H293" s="68"/>
      <c r="I293" s="37"/>
      <c r="J293" s="1"/>
      <c r="K293" s="1"/>
    </row>
    <row r="294" spans="1:19" ht="15" customHeight="1">
      <c r="A294" s="69">
        <v>131</v>
      </c>
      <c r="B294" s="71" t="s">
        <v>61</v>
      </c>
      <c r="C294" s="72" t="s">
        <v>175</v>
      </c>
      <c r="D294" s="73" t="s">
        <v>59</v>
      </c>
      <c r="E294" s="32">
        <v>619417</v>
      </c>
      <c r="F294" s="32">
        <v>616362</v>
      </c>
      <c r="G294" s="27">
        <v>-3055</v>
      </c>
      <c r="H294" s="67" t="s">
        <v>4</v>
      </c>
      <c r="I294" s="34"/>
      <c r="J294" s="1"/>
      <c r="K294" s="1"/>
    </row>
    <row r="295" spans="1:19" ht="15" customHeight="1">
      <c r="A295" s="70"/>
      <c r="B295" s="71"/>
      <c r="C295" s="72"/>
      <c r="D295" s="73"/>
      <c r="E295" s="35">
        <v>165165</v>
      </c>
      <c r="F295" s="35">
        <v>164401</v>
      </c>
      <c r="G295" s="30">
        <v>-764</v>
      </c>
      <c r="H295" s="68"/>
      <c r="I295" s="37"/>
      <c r="J295" s="1"/>
      <c r="K295" s="1"/>
    </row>
    <row r="296" spans="1:19" ht="15" customHeight="1">
      <c r="A296" s="69">
        <v>132</v>
      </c>
      <c r="B296" s="71" t="s">
        <v>61</v>
      </c>
      <c r="C296" s="72" t="s">
        <v>176</v>
      </c>
      <c r="D296" s="73" t="s">
        <v>62</v>
      </c>
      <c r="E296" s="32">
        <v>182154</v>
      </c>
      <c r="F296" s="32">
        <v>153487</v>
      </c>
      <c r="G296" s="27">
        <v>-28667</v>
      </c>
      <c r="H296" s="67" t="s">
        <v>4</v>
      </c>
      <c r="I296" s="34"/>
      <c r="J296" s="1"/>
      <c r="K296" s="1"/>
    </row>
    <row r="297" spans="1:19" ht="15" customHeight="1">
      <c r="A297" s="70"/>
      <c r="B297" s="71"/>
      <c r="C297" s="72"/>
      <c r="D297" s="73"/>
      <c r="E297" s="35">
        <v>119326</v>
      </c>
      <c r="F297" s="35">
        <v>98120</v>
      </c>
      <c r="G297" s="30">
        <v>-21206</v>
      </c>
      <c r="H297" s="68"/>
      <c r="I297" s="37"/>
      <c r="J297" s="1"/>
      <c r="K297" s="1"/>
    </row>
    <row r="298" spans="1:19" ht="15" customHeight="1">
      <c r="A298" s="69">
        <v>133</v>
      </c>
      <c r="B298" s="71" t="s">
        <v>61</v>
      </c>
      <c r="C298" s="72" t="s">
        <v>177</v>
      </c>
      <c r="D298" s="73" t="s">
        <v>59</v>
      </c>
      <c r="E298" s="32">
        <v>406766</v>
      </c>
      <c r="F298" s="32">
        <v>416348</v>
      </c>
      <c r="G298" s="27">
        <v>9582</v>
      </c>
      <c r="H298" s="67" t="s">
        <v>4</v>
      </c>
      <c r="I298" s="34"/>
      <c r="J298" s="1"/>
      <c r="K298" s="1"/>
    </row>
    <row r="299" spans="1:19" ht="15" customHeight="1">
      <c r="A299" s="70"/>
      <c r="B299" s="71"/>
      <c r="C299" s="72"/>
      <c r="D299" s="73"/>
      <c r="E299" s="35">
        <v>398187</v>
      </c>
      <c r="F299" s="35">
        <v>401439</v>
      </c>
      <c r="G299" s="30">
        <v>3252</v>
      </c>
      <c r="H299" s="68"/>
      <c r="I299" s="37"/>
      <c r="J299" s="1"/>
      <c r="K299" s="1"/>
    </row>
    <row r="300" spans="1:19" ht="15" customHeight="1">
      <c r="A300" s="69">
        <v>134</v>
      </c>
      <c r="B300" s="71" t="s">
        <v>61</v>
      </c>
      <c r="C300" s="72" t="s">
        <v>178</v>
      </c>
      <c r="D300" s="73" t="s">
        <v>63</v>
      </c>
      <c r="E300" s="32">
        <v>26880</v>
      </c>
      <c r="F300" s="32">
        <v>8013</v>
      </c>
      <c r="G300" s="27">
        <v>-18867</v>
      </c>
      <c r="H300" s="67" t="s">
        <v>4</v>
      </c>
      <c r="I300" s="34"/>
      <c r="J300" s="1"/>
      <c r="K300" s="1"/>
    </row>
    <row r="301" spans="1:19" ht="15" customHeight="1">
      <c r="A301" s="70"/>
      <c r="B301" s="71"/>
      <c r="C301" s="72"/>
      <c r="D301" s="73"/>
      <c r="E301" s="35">
        <v>4784</v>
      </c>
      <c r="F301" s="35">
        <v>7612</v>
      </c>
      <c r="G301" s="30">
        <v>2828</v>
      </c>
      <c r="H301" s="68"/>
      <c r="I301" s="37"/>
      <c r="J301" s="1"/>
      <c r="K301" s="1"/>
    </row>
    <row r="302" spans="1:19" ht="15" customHeight="1">
      <c r="A302" s="69">
        <v>135</v>
      </c>
      <c r="B302" s="71" t="s">
        <v>61</v>
      </c>
      <c r="C302" s="72" t="s">
        <v>179</v>
      </c>
      <c r="D302" s="73" t="s">
        <v>59</v>
      </c>
      <c r="E302" s="32">
        <v>10000</v>
      </c>
      <c r="F302" s="32">
        <v>10500</v>
      </c>
      <c r="G302" s="27">
        <v>500</v>
      </c>
      <c r="H302" s="67" t="s">
        <v>4</v>
      </c>
      <c r="I302" s="34"/>
      <c r="J302" s="1"/>
      <c r="K302" s="1"/>
    </row>
    <row r="303" spans="1:19" ht="15" customHeight="1">
      <c r="A303" s="70"/>
      <c r="B303" s="71"/>
      <c r="C303" s="72"/>
      <c r="D303" s="73"/>
      <c r="E303" s="35">
        <v>2500</v>
      </c>
      <c r="F303" s="35">
        <v>2625</v>
      </c>
      <c r="G303" s="30">
        <v>125</v>
      </c>
      <c r="H303" s="68"/>
      <c r="I303" s="37"/>
      <c r="J303" s="1"/>
      <c r="K303" s="1"/>
    </row>
    <row r="304" spans="1:19" ht="15" customHeight="1">
      <c r="A304" s="69">
        <v>136</v>
      </c>
      <c r="B304" s="71" t="s">
        <v>61</v>
      </c>
      <c r="C304" s="72" t="s">
        <v>180</v>
      </c>
      <c r="D304" s="73" t="s">
        <v>64</v>
      </c>
      <c r="E304" s="32">
        <v>596107</v>
      </c>
      <c r="F304" s="32">
        <v>601517</v>
      </c>
      <c r="G304" s="27">
        <v>5410</v>
      </c>
      <c r="H304" s="67" t="s">
        <v>4</v>
      </c>
      <c r="I304" s="34"/>
      <c r="J304" s="1"/>
      <c r="K304" s="1"/>
    </row>
    <row r="305" spans="1:20" ht="15" customHeight="1">
      <c r="A305" s="70"/>
      <c r="B305" s="71"/>
      <c r="C305" s="72"/>
      <c r="D305" s="73"/>
      <c r="E305" s="35">
        <v>459322</v>
      </c>
      <c r="F305" s="35">
        <v>452069</v>
      </c>
      <c r="G305" s="30">
        <v>-7253</v>
      </c>
      <c r="H305" s="68"/>
      <c r="I305" s="37"/>
      <c r="J305" s="1"/>
      <c r="K305" s="1"/>
    </row>
    <row r="306" spans="1:20" ht="15" customHeight="1">
      <c r="A306" s="69">
        <v>137</v>
      </c>
      <c r="B306" s="71" t="s">
        <v>61</v>
      </c>
      <c r="C306" s="72" t="s">
        <v>181</v>
      </c>
      <c r="D306" s="73" t="s">
        <v>64</v>
      </c>
      <c r="E306" s="32">
        <v>308995</v>
      </c>
      <c r="F306" s="32">
        <v>511808</v>
      </c>
      <c r="G306" s="27">
        <v>202813</v>
      </c>
      <c r="H306" s="67" t="s">
        <v>4</v>
      </c>
      <c r="I306" s="34"/>
      <c r="J306" s="1"/>
      <c r="K306" s="1"/>
    </row>
    <row r="307" spans="1:20" ht="15" customHeight="1">
      <c r="A307" s="70"/>
      <c r="B307" s="71"/>
      <c r="C307" s="72"/>
      <c r="D307" s="73"/>
      <c r="E307" s="35">
        <v>162958</v>
      </c>
      <c r="F307" s="35">
        <v>129135</v>
      </c>
      <c r="G307" s="30">
        <v>-33823</v>
      </c>
      <c r="H307" s="68"/>
      <c r="I307" s="37"/>
      <c r="J307" s="1"/>
      <c r="K307" s="1"/>
    </row>
    <row r="308" spans="1:20" ht="15" customHeight="1">
      <c r="A308" s="69">
        <v>138</v>
      </c>
      <c r="B308" s="71" t="s">
        <v>61</v>
      </c>
      <c r="C308" s="72" t="s">
        <v>209</v>
      </c>
      <c r="D308" s="73" t="s">
        <v>39</v>
      </c>
      <c r="E308" s="26">
        <v>74760</v>
      </c>
      <c r="F308" s="26">
        <v>189058</v>
      </c>
      <c r="G308" s="27">
        <v>114298</v>
      </c>
      <c r="H308" s="45"/>
      <c r="I308" s="46"/>
      <c r="J308" s="1"/>
      <c r="K308" s="1"/>
    </row>
    <row r="309" spans="1:20" ht="15" customHeight="1">
      <c r="A309" s="70"/>
      <c r="B309" s="71"/>
      <c r="C309" s="72"/>
      <c r="D309" s="73"/>
      <c r="E309" s="29">
        <v>0</v>
      </c>
      <c r="F309" s="29">
        <v>144790</v>
      </c>
      <c r="G309" s="30">
        <v>144790</v>
      </c>
      <c r="H309" s="45"/>
      <c r="I309" s="46"/>
      <c r="J309" s="1"/>
      <c r="K309" s="1"/>
    </row>
    <row r="310" spans="1:20" ht="15" customHeight="1">
      <c r="A310" s="69">
        <v>139</v>
      </c>
      <c r="B310" s="71" t="s">
        <v>61</v>
      </c>
      <c r="C310" s="72" t="s">
        <v>238</v>
      </c>
      <c r="D310" s="73" t="s">
        <v>226</v>
      </c>
      <c r="E310" s="32">
        <v>159228</v>
      </c>
      <c r="F310" s="32">
        <v>36910</v>
      </c>
      <c r="G310" s="27">
        <v>-122318</v>
      </c>
      <c r="H310" s="33"/>
      <c r="I310" s="50"/>
      <c r="J310" s="1"/>
      <c r="K310" s="1"/>
    </row>
    <row r="311" spans="1:20" ht="15" customHeight="1">
      <c r="A311" s="70"/>
      <c r="B311" s="71"/>
      <c r="C311" s="72"/>
      <c r="D311" s="73"/>
      <c r="E311" s="35">
        <v>159228</v>
      </c>
      <c r="F311" s="35">
        <v>36910</v>
      </c>
      <c r="G311" s="30">
        <v>-122318</v>
      </c>
      <c r="H311" s="36"/>
      <c r="I311" s="37"/>
      <c r="J311" s="1"/>
      <c r="K311" s="1"/>
    </row>
    <row r="312" spans="1:20" ht="15" customHeight="1">
      <c r="A312" s="69">
        <v>140</v>
      </c>
      <c r="B312" s="71" t="s">
        <v>61</v>
      </c>
      <c r="C312" s="72" t="s">
        <v>241</v>
      </c>
      <c r="D312" s="73" t="s">
        <v>59</v>
      </c>
      <c r="E312" s="32">
        <v>8497</v>
      </c>
      <c r="F312" s="32">
        <v>0</v>
      </c>
      <c r="G312" s="27">
        <v>-8497</v>
      </c>
      <c r="H312" s="33"/>
      <c r="I312" s="50"/>
      <c r="J312" s="1"/>
      <c r="K312" s="1"/>
    </row>
    <row r="313" spans="1:20" ht="15" customHeight="1">
      <c r="A313" s="70"/>
      <c r="B313" s="71"/>
      <c r="C313" s="72"/>
      <c r="D313" s="73"/>
      <c r="E313" s="35">
        <v>2832</v>
      </c>
      <c r="F313" s="35">
        <v>0</v>
      </c>
      <c r="G313" s="30">
        <v>-2832</v>
      </c>
      <c r="H313" s="45"/>
      <c r="I313" s="46"/>
      <c r="J313" s="1"/>
      <c r="K313" s="1"/>
    </row>
    <row r="314" spans="1:20" ht="15" customHeight="1">
      <c r="A314" s="84" t="s">
        <v>203</v>
      </c>
      <c r="B314" s="87"/>
      <c r="C314" s="87"/>
      <c r="D314" s="87"/>
      <c r="E314" s="32">
        <v>4586008</v>
      </c>
      <c r="F314" s="32">
        <v>4577352</v>
      </c>
      <c r="G314" s="27">
        <v>-8656</v>
      </c>
      <c r="H314" s="67"/>
      <c r="I314" s="34"/>
      <c r="J314" s="41"/>
      <c r="K314" s="39"/>
      <c r="L314" s="39"/>
      <c r="M314" s="39"/>
      <c r="N314" s="39"/>
      <c r="O314" s="39"/>
      <c r="P314" s="4"/>
      <c r="Q314" s="42"/>
      <c r="R314" s="41"/>
      <c r="S314" s="41"/>
      <c r="T314" s="41"/>
    </row>
    <row r="315" spans="1:20" ht="15" customHeight="1">
      <c r="A315" s="84"/>
      <c r="B315" s="87"/>
      <c r="C315" s="87"/>
      <c r="D315" s="87"/>
      <c r="E315" s="35">
        <v>2738729</v>
      </c>
      <c r="F315" s="35">
        <v>2672221</v>
      </c>
      <c r="G315" s="30">
        <v>-66508</v>
      </c>
      <c r="H315" s="68"/>
      <c r="I315" s="37"/>
      <c r="J315" s="41"/>
      <c r="K315" s="43"/>
      <c r="L315" s="39"/>
      <c r="M315" s="39"/>
      <c r="N315" s="39"/>
      <c r="O315" s="39"/>
      <c r="P315" s="4"/>
      <c r="Q315" s="42"/>
      <c r="R315" s="41"/>
      <c r="S315" s="47"/>
      <c r="T315" s="41"/>
    </row>
    <row r="316" spans="1:20" ht="15" customHeight="1">
      <c r="A316" s="84">
        <v>141</v>
      </c>
      <c r="B316" s="83" t="s">
        <v>65</v>
      </c>
      <c r="C316" s="72" t="s">
        <v>182</v>
      </c>
      <c r="D316" s="73" t="s">
        <v>59</v>
      </c>
      <c r="E316" s="32">
        <v>273027779</v>
      </c>
      <c r="F316" s="32">
        <v>268659715</v>
      </c>
      <c r="G316" s="27">
        <v>-4368064</v>
      </c>
      <c r="H316" s="67" t="s">
        <v>4</v>
      </c>
      <c r="I316" s="34"/>
      <c r="J316" s="1"/>
      <c r="K316" s="1"/>
    </row>
    <row r="317" spans="1:20" ht="15" customHeight="1">
      <c r="A317" s="84"/>
      <c r="B317" s="83"/>
      <c r="C317" s="72"/>
      <c r="D317" s="73"/>
      <c r="E317" s="35">
        <v>67525122</v>
      </c>
      <c r="F317" s="35">
        <v>66465373</v>
      </c>
      <c r="G317" s="30">
        <v>-1059749</v>
      </c>
      <c r="H317" s="68"/>
      <c r="I317" s="37"/>
      <c r="J317" s="1"/>
      <c r="K317" s="1"/>
    </row>
    <row r="318" spans="1:20" ht="15" customHeight="1">
      <c r="A318" s="69">
        <v>142</v>
      </c>
      <c r="B318" s="83" t="s">
        <v>65</v>
      </c>
      <c r="C318" s="72" t="s">
        <v>183</v>
      </c>
      <c r="D318" s="73" t="s">
        <v>59</v>
      </c>
      <c r="E318" s="32">
        <v>41707</v>
      </c>
      <c r="F318" s="32">
        <v>48532</v>
      </c>
      <c r="G318" s="27">
        <v>6825</v>
      </c>
      <c r="H318" s="67" t="s">
        <v>4</v>
      </c>
      <c r="I318" s="34"/>
      <c r="J318" s="1"/>
      <c r="K318" s="1"/>
    </row>
    <row r="319" spans="1:20" ht="15" customHeight="1">
      <c r="A319" s="70"/>
      <c r="B319" s="83"/>
      <c r="C319" s="72"/>
      <c r="D319" s="73"/>
      <c r="E319" s="35">
        <v>10428</v>
      </c>
      <c r="F319" s="35">
        <v>12133</v>
      </c>
      <c r="G319" s="30">
        <v>1705</v>
      </c>
      <c r="H319" s="68"/>
      <c r="I319" s="37"/>
      <c r="J319" s="1"/>
      <c r="K319" s="1"/>
    </row>
    <row r="320" spans="1:20" ht="15" customHeight="1">
      <c r="A320" s="69">
        <v>143</v>
      </c>
      <c r="B320" s="83" t="s">
        <v>65</v>
      </c>
      <c r="C320" s="72" t="s">
        <v>184</v>
      </c>
      <c r="D320" s="73" t="s">
        <v>59</v>
      </c>
      <c r="E320" s="32">
        <v>39700</v>
      </c>
      <c r="F320" s="32">
        <v>44600</v>
      </c>
      <c r="G320" s="27">
        <v>4900</v>
      </c>
      <c r="H320" s="67" t="s">
        <v>4</v>
      </c>
      <c r="I320" s="34"/>
      <c r="J320" s="1"/>
      <c r="K320" s="1"/>
    </row>
    <row r="321" spans="1:20" ht="15" customHeight="1">
      <c r="A321" s="70"/>
      <c r="B321" s="83"/>
      <c r="C321" s="72"/>
      <c r="D321" s="73"/>
      <c r="E321" s="35">
        <v>9925</v>
      </c>
      <c r="F321" s="35">
        <v>11150</v>
      </c>
      <c r="G321" s="30">
        <v>1225</v>
      </c>
      <c r="H321" s="68"/>
      <c r="I321" s="37"/>
      <c r="J321" s="1"/>
      <c r="K321" s="1"/>
    </row>
    <row r="322" spans="1:20" ht="15" customHeight="1">
      <c r="A322" s="69">
        <v>144</v>
      </c>
      <c r="B322" s="83" t="s">
        <v>65</v>
      </c>
      <c r="C322" s="72" t="s">
        <v>225</v>
      </c>
      <c r="D322" s="73" t="s">
        <v>227</v>
      </c>
      <c r="E322" s="32">
        <v>2239806</v>
      </c>
      <c r="F322" s="32">
        <v>2855741</v>
      </c>
      <c r="G322" s="27">
        <v>615935</v>
      </c>
      <c r="H322" s="67" t="s">
        <v>4</v>
      </c>
      <c r="I322" s="34"/>
      <c r="J322" s="1"/>
      <c r="K322" s="1"/>
    </row>
    <row r="323" spans="1:20" ht="15" customHeight="1">
      <c r="A323" s="70"/>
      <c r="B323" s="83"/>
      <c r="C323" s="72"/>
      <c r="D323" s="73"/>
      <c r="E323" s="35">
        <v>2239806</v>
      </c>
      <c r="F323" s="35">
        <v>2855741</v>
      </c>
      <c r="G323" s="30">
        <v>615935</v>
      </c>
      <c r="H323" s="68"/>
      <c r="I323" s="37"/>
      <c r="J323" s="1"/>
      <c r="K323" s="1"/>
    </row>
    <row r="324" spans="1:20" ht="15" customHeight="1">
      <c r="A324" s="84" t="s">
        <v>204</v>
      </c>
      <c r="B324" s="87"/>
      <c r="C324" s="87"/>
      <c r="D324" s="87"/>
      <c r="E324" s="32">
        <v>275348992</v>
      </c>
      <c r="F324" s="32">
        <v>271608588</v>
      </c>
      <c r="G324" s="27">
        <v>-3740404</v>
      </c>
      <c r="H324" s="67"/>
      <c r="I324" s="34"/>
      <c r="J324" s="41"/>
      <c r="K324" s="39"/>
      <c r="L324" s="39"/>
      <c r="M324" s="39"/>
      <c r="N324" s="39"/>
      <c r="O324" s="39"/>
      <c r="P324" s="4"/>
      <c r="Q324" s="42"/>
      <c r="R324" s="41"/>
      <c r="S324" s="41"/>
      <c r="T324" s="41"/>
    </row>
    <row r="325" spans="1:20" ht="15" customHeight="1">
      <c r="A325" s="84"/>
      <c r="B325" s="87"/>
      <c r="C325" s="87"/>
      <c r="D325" s="87"/>
      <c r="E325" s="35">
        <v>69785281</v>
      </c>
      <c r="F325" s="35">
        <v>69344397</v>
      </c>
      <c r="G325" s="30">
        <v>-440884</v>
      </c>
      <c r="H325" s="68"/>
      <c r="I325" s="37"/>
      <c r="J325" s="41"/>
      <c r="K325" s="43"/>
      <c r="L325" s="39"/>
      <c r="M325" s="39"/>
      <c r="N325" s="39"/>
      <c r="O325" s="39"/>
      <c r="P325" s="4"/>
      <c r="Q325" s="42"/>
      <c r="R325" s="41"/>
      <c r="S325" s="47"/>
      <c r="T325" s="41"/>
    </row>
    <row r="326" spans="1:20" ht="15" customHeight="1">
      <c r="A326" s="84">
        <v>145</v>
      </c>
      <c r="B326" s="83" t="s">
        <v>66</v>
      </c>
      <c r="C326" s="72" t="s">
        <v>185</v>
      </c>
      <c r="D326" s="73" t="s">
        <v>67</v>
      </c>
      <c r="E326" s="27">
        <v>135626</v>
      </c>
      <c r="F326" s="27">
        <v>151873</v>
      </c>
      <c r="G326" s="27">
        <v>16247</v>
      </c>
      <c r="H326" s="67" t="s">
        <v>4</v>
      </c>
      <c r="I326" s="34"/>
      <c r="J326" s="1"/>
      <c r="K326" s="1"/>
    </row>
    <row r="327" spans="1:20" ht="15" customHeight="1">
      <c r="A327" s="84"/>
      <c r="B327" s="83"/>
      <c r="C327" s="72"/>
      <c r="D327" s="73"/>
      <c r="E327" s="38">
        <v>108574</v>
      </c>
      <c r="F327" s="38">
        <v>118586</v>
      </c>
      <c r="G327" s="30">
        <v>10012</v>
      </c>
      <c r="H327" s="68"/>
      <c r="I327" s="37"/>
      <c r="J327" s="1"/>
      <c r="K327" s="1"/>
    </row>
    <row r="328" spans="1:20" ht="22.5" customHeight="1">
      <c r="A328" s="69">
        <v>146</v>
      </c>
      <c r="B328" s="83" t="s">
        <v>66</v>
      </c>
      <c r="C328" s="72" t="s">
        <v>242</v>
      </c>
      <c r="D328" s="73" t="s">
        <v>67</v>
      </c>
      <c r="E328" s="27">
        <v>408353</v>
      </c>
      <c r="F328" s="27">
        <v>1700998</v>
      </c>
      <c r="G328" s="27">
        <v>1292645</v>
      </c>
      <c r="H328" s="67" t="s">
        <v>4</v>
      </c>
      <c r="I328" s="34"/>
      <c r="J328" s="1"/>
      <c r="K328" s="1"/>
    </row>
    <row r="329" spans="1:20" ht="22.5" customHeight="1">
      <c r="A329" s="70"/>
      <c r="B329" s="83"/>
      <c r="C329" s="72"/>
      <c r="D329" s="73"/>
      <c r="E329" s="38">
        <v>129353</v>
      </c>
      <c r="F329" s="38">
        <v>177998</v>
      </c>
      <c r="G329" s="30">
        <v>48645</v>
      </c>
      <c r="H329" s="68"/>
      <c r="I329" s="37"/>
      <c r="J329" s="1"/>
      <c r="K329" s="1"/>
    </row>
    <row r="330" spans="1:20" ht="15" customHeight="1">
      <c r="A330" s="84" t="s">
        <v>196</v>
      </c>
      <c r="B330" s="87"/>
      <c r="C330" s="87"/>
      <c r="D330" s="87"/>
      <c r="E330" s="32">
        <v>543979</v>
      </c>
      <c r="F330" s="32">
        <v>1852871</v>
      </c>
      <c r="G330" s="27">
        <v>1308892</v>
      </c>
      <c r="H330" s="67"/>
      <c r="I330" s="34"/>
      <c r="J330" s="41"/>
      <c r="K330" s="39"/>
      <c r="L330" s="39"/>
      <c r="M330" s="39"/>
      <c r="N330" s="39"/>
      <c r="O330" s="39"/>
      <c r="P330" s="4"/>
      <c r="Q330" s="42"/>
      <c r="R330" s="41"/>
      <c r="S330" s="41"/>
      <c r="T330" s="41"/>
    </row>
    <row r="331" spans="1:20" ht="15" customHeight="1">
      <c r="A331" s="84"/>
      <c r="B331" s="87"/>
      <c r="C331" s="87"/>
      <c r="D331" s="87"/>
      <c r="E331" s="35">
        <v>237927</v>
      </c>
      <c r="F331" s="35">
        <v>296584</v>
      </c>
      <c r="G331" s="30">
        <v>58657</v>
      </c>
      <c r="H331" s="68"/>
      <c r="I331" s="37"/>
      <c r="J331" s="41"/>
      <c r="K331" s="43"/>
      <c r="L331" s="39"/>
      <c r="M331" s="39"/>
      <c r="N331" s="39"/>
      <c r="O331" s="39"/>
      <c r="P331" s="4"/>
      <c r="Q331" s="42"/>
      <c r="R331" s="41"/>
      <c r="S331" s="41"/>
      <c r="T331" s="41"/>
    </row>
    <row r="332" spans="1:20" ht="15" customHeight="1">
      <c r="A332" s="84">
        <v>147</v>
      </c>
      <c r="B332" s="83" t="s">
        <v>68</v>
      </c>
      <c r="C332" s="79" t="s">
        <v>186</v>
      </c>
      <c r="D332" s="73" t="s">
        <v>67</v>
      </c>
      <c r="E332" s="51">
        <v>153503</v>
      </c>
      <c r="F332" s="51">
        <v>145883</v>
      </c>
      <c r="G332" s="27">
        <v>-7620</v>
      </c>
      <c r="H332" s="67" t="s">
        <v>4</v>
      </c>
      <c r="I332" s="34"/>
      <c r="J332" s="1"/>
      <c r="K332" s="1"/>
    </row>
    <row r="333" spans="1:20" ht="15" customHeight="1">
      <c r="A333" s="84"/>
      <c r="B333" s="83"/>
      <c r="C333" s="80"/>
      <c r="D333" s="73"/>
      <c r="E333" s="35">
        <v>0</v>
      </c>
      <c r="F333" s="35">
        <v>0</v>
      </c>
      <c r="G333" s="30">
        <v>0</v>
      </c>
      <c r="H333" s="68"/>
      <c r="I333" s="37"/>
      <c r="J333" s="1"/>
      <c r="K333" s="1"/>
    </row>
    <row r="334" spans="1:20" ht="15" customHeight="1">
      <c r="A334" s="84" t="s">
        <v>205</v>
      </c>
      <c r="B334" s="87"/>
      <c r="C334" s="87"/>
      <c r="D334" s="87"/>
      <c r="E334" s="32">
        <v>153503</v>
      </c>
      <c r="F334" s="32">
        <v>145883</v>
      </c>
      <c r="G334" s="27">
        <v>-7620</v>
      </c>
      <c r="H334" s="67"/>
      <c r="I334" s="34"/>
      <c r="J334" s="41"/>
      <c r="K334" s="39"/>
      <c r="L334" s="39"/>
      <c r="M334" s="39"/>
      <c r="N334" s="39"/>
      <c r="O334" s="39"/>
      <c r="P334" s="4"/>
      <c r="Q334" s="42"/>
      <c r="R334" s="41"/>
      <c r="S334" s="41"/>
      <c r="T334" s="41"/>
    </row>
    <row r="335" spans="1:20" ht="15" customHeight="1">
      <c r="A335" s="84"/>
      <c r="B335" s="87"/>
      <c r="C335" s="87"/>
      <c r="D335" s="87"/>
      <c r="E335" s="35">
        <v>0</v>
      </c>
      <c r="F335" s="35">
        <v>0</v>
      </c>
      <c r="G335" s="30">
        <v>0</v>
      </c>
      <c r="H335" s="68"/>
      <c r="I335" s="37"/>
      <c r="J335" s="41"/>
      <c r="K335" s="43"/>
      <c r="L335" s="39"/>
      <c r="M335" s="39"/>
      <c r="N335" s="39"/>
      <c r="O335" s="39"/>
      <c r="P335" s="4"/>
      <c r="Q335" s="42"/>
      <c r="R335" s="41"/>
      <c r="S335" s="41"/>
      <c r="T335" s="41"/>
    </row>
    <row r="336" spans="1:20" ht="15" customHeight="1">
      <c r="A336" s="84">
        <v>148</v>
      </c>
      <c r="B336" s="83" t="s">
        <v>69</v>
      </c>
      <c r="C336" s="79" t="s">
        <v>187</v>
      </c>
      <c r="D336" s="73" t="s">
        <v>67</v>
      </c>
      <c r="E336" s="51">
        <v>482283</v>
      </c>
      <c r="F336" s="51">
        <v>477534</v>
      </c>
      <c r="G336" s="27">
        <v>-4749</v>
      </c>
      <c r="H336" s="67" t="s">
        <v>4</v>
      </c>
      <c r="I336" s="34"/>
      <c r="J336" s="1"/>
      <c r="K336" s="1"/>
    </row>
    <row r="337" spans="1:21" ht="15" customHeight="1">
      <c r="A337" s="84"/>
      <c r="B337" s="83"/>
      <c r="C337" s="80"/>
      <c r="D337" s="73"/>
      <c r="E337" s="38">
        <v>25745</v>
      </c>
      <c r="F337" s="38">
        <v>40891</v>
      </c>
      <c r="G337" s="30">
        <v>15146</v>
      </c>
      <c r="H337" s="68"/>
      <c r="I337" s="37"/>
      <c r="J337" s="1"/>
      <c r="K337" s="1"/>
    </row>
    <row r="338" spans="1:21" ht="15" customHeight="1">
      <c r="A338" s="69">
        <v>149</v>
      </c>
      <c r="B338" s="83" t="s">
        <v>235</v>
      </c>
      <c r="C338" s="72" t="s">
        <v>239</v>
      </c>
      <c r="D338" s="73" t="s">
        <v>67</v>
      </c>
      <c r="E338" s="27">
        <v>0</v>
      </c>
      <c r="F338" s="27">
        <v>3</v>
      </c>
      <c r="G338" s="27">
        <v>3</v>
      </c>
      <c r="H338" s="67" t="s">
        <v>4</v>
      </c>
      <c r="I338" s="34"/>
      <c r="J338" s="1"/>
      <c r="K338" s="1"/>
    </row>
    <row r="339" spans="1:21" ht="15" customHeight="1">
      <c r="A339" s="70"/>
      <c r="B339" s="83"/>
      <c r="C339" s="72"/>
      <c r="D339" s="73"/>
      <c r="E339" s="38">
        <v>0</v>
      </c>
      <c r="F339" s="38">
        <v>3</v>
      </c>
      <c r="G339" s="30">
        <v>3</v>
      </c>
      <c r="H339" s="68"/>
      <c r="I339" s="37"/>
      <c r="J339" s="1"/>
      <c r="K339" s="1"/>
    </row>
    <row r="340" spans="1:21" ht="15" customHeight="1">
      <c r="A340" s="84" t="s">
        <v>206</v>
      </c>
      <c r="B340" s="87"/>
      <c r="C340" s="87"/>
      <c r="D340" s="87"/>
      <c r="E340" s="32">
        <v>482283</v>
      </c>
      <c r="F340" s="32">
        <v>477537</v>
      </c>
      <c r="G340" s="27">
        <v>-4746</v>
      </c>
      <c r="H340" s="67"/>
      <c r="I340" s="34"/>
      <c r="J340" s="41"/>
      <c r="K340" s="39"/>
      <c r="L340" s="39"/>
      <c r="M340" s="39"/>
      <c r="N340" s="39"/>
      <c r="O340" s="39"/>
      <c r="P340" s="4"/>
      <c r="Q340" s="42"/>
      <c r="R340" s="41"/>
      <c r="S340" s="41"/>
      <c r="T340" s="41"/>
      <c r="U340" s="41"/>
    </row>
    <row r="341" spans="1:21" ht="15" customHeight="1">
      <c r="A341" s="84"/>
      <c r="B341" s="87"/>
      <c r="C341" s="87"/>
      <c r="D341" s="87"/>
      <c r="E341" s="35">
        <v>25745</v>
      </c>
      <c r="F341" s="35">
        <v>40894</v>
      </c>
      <c r="G341" s="30">
        <v>15149</v>
      </c>
      <c r="H341" s="68"/>
      <c r="I341" s="37"/>
      <c r="J341" s="41"/>
      <c r="K341" s="43"/>
      <c r="L341" s="39"/>
      <c r="M341" s="39"/>
      <c r="N341" s="39"/>
      <c r="O341" s="39"/>
      <c r="P341" s="4"/>
      <c r="Q341" s="42"/>
      <c r="R341" s="41"/>
      <c r="S341" s="41"/>
      <c r="T341" s="41"/>
      <c r="U341" s="41"/>
    </row>
    <row r="342" spans="1:21" ht="15" customHeight="1">
      <c r="A342" s="84">
        <v>150</v>
      </c>
      <c r="B342" s="83" t="s">
        <v>70</v>
      </c>
      <c r="C342" s="79" t="s">
        <v>188</v>
      </c>
      <c r="D342" s="73" t="s">
        <v>26</v>
      </c>
      <c r="E342" s="32">
        <v>33828173</v>
      </c>
      <c r="F342" s="32">
        <v>37309497</v>
      </c>
      <c r="G342" s="27">
        <v>3481324</v>
      </c>
      <c r="H342" s="67" t="s">
        <v>4</v>
      </c>
      <c r="I342" s="34"/>
      <c r="J342" s="1"/>
      <c r="K342" s="1"/>
    </row>
    <row r="343" spans="1:21" ht="15" customHeight="1">
      <c r="A343" s="84"/>
      <c r="B343" s="83"/>
      <c r="C343" s="80"/>
      <c r="D343" s="73"/>
      <c r="E343" s="35">
        <v>17248589</v>
      </c>
      <c r="F343" s="35">
        <v>18225984</v>
      </c>
      <c r="G343" s="30">
        <v>977395</v>
      </c>
      <c r="H343" s="68"/>
      <c r="I343" s="37"/>
      <c r="J343" s="1"/>
      <c r="K343" s="1"/>
    </row>
    <row r="344" spans="1:21" ht="15" customHeight="1">
      <c r="A344" s="84" t="s">
        <v>243</v>
      </c>
      <c r="B344" s="87"/>
      <c r="C344" s="87"/>
      <c r="D344" s="87"/>
      <c r="E344" s="32">
        <v>33828173</v>
      </c>
      <c r="F344" s="32">
        <v>37309497</v>
      </c>
      <c r="G344" s="27">
        <v>3481324</v>
      </c>
      <c r="H344" s="67"/>
      <c r="I344" s="34"/>
      <c r="J344" s="41"/>
      <c r="K344" s="39"/>
      <c r="L344" s="39"/>
      <c r="M344" s="39"/>
      <c r="N344" s="39"/>
      <c r="O344" s="39"/>
      <c r="P344" s="4"/>
      <c r="Q344" s="42"/>
      <c r="R344" s="41"/>
      <c r="S344" s="41"/>
    </row>
    <row r="345" spans="1:21" ht="15" customHeight="1">
      <c r="A345" s="84"/>
      <c r="B345" s="87"/>
      <c r="C345" s="87"/>
      <c r="D345" s="87"/>
      <c r="E345" s="35">
        <v>17248589</v>
      </c>
      <c r="F345" s="35">
        <v>18225984</v>
      </c>
      <c r="G345" s="30">
        <v>977395</v>
      </c>
      <c r="H345" s="68"/>
      <c r="I345" s="37"/>
      <c r="J345" s="41"/>
      <c r="K345" s="43"/>
      <c r="L345" s="39"/>
      <c r="M345" s="39"/>
      <c r="N345" s="39"/>
      <c r="O345" s="39"/>
      <c r="P345" s="4"/>
      <c r="Q345" s="42"/>
      <c r="R345" s="41"/>
      <c r="S345" s="41"/>
    </row>
    <row r="346" spans="1:21" ht="15" customHeight="1">
      <c r="A346" s="84">
        <v>151</v>
      </c>
      <c r="B346" s="83" t="s">
        <v>71</v>
      </c>
      <c r="C346" s="79" t="s">
        <v>189</v>
      </c>
      <c r="D346" s="73" t="s">
        <v>31</v>
      </c>
      <c r="E346" s="32">
        <v>94320</v>
      </c>
      <c r="F346" s="32">
        <v>94830</v>
      </c>
      <c r="G346" s="27">
        <v>510</v>
      </c>
      <c r="H346" s="67" t="s">
        <v>4</v>
      </c>
      <c r="I346" s="34"/>
      <c r="J346" s="1"/>
      <c r="K346" s="1"/>
    </row>
    <row r="347" spans="1:21" ht="15" customHeight="1">
      <c r="A347" s="84"/>
      <c r="B347" s="83"/>
      <c r="C347" s="80"/>
      <c r="D347" s="73"/>
      <c r="E347" s="35">
        <v>94320</v>
      </c>
      <c r="F347" s="35">
        <v>94830</v>
      </c>
      <c r="G347" s="30">
        <v>510</v>
      </c>
      <c r="H347" s="68"/>
      <c r="I347" s="37"/>
      <c r="J347" s="1"/>
      <c r="K347" s="1"/>
    </row>
    <row r="348" spans="1:21" ht="15" customHeight="1">
      <c r="A348" s="84" t="s">
        <v>244</v>
      </c>
      <c r="B348" s="87"/>
      <c r="C348" s="87"/>
      <c r="D348" s="87"/>
      <c r="E348" s="32">
        <v>94320</v>
      </c>
      <c r="F348" s="32">
        <v>94830</v>
      </c>
      <c r="G348" s="27">
        <v>510</v>
      </c>
      <c r="H348" s="67"/>
      <c r="I348" s="34"/>
      <c r="J348" s="41"/>
      <c r="K348" s="39"/>
      <c r="L348" s="39"/>
      <c r="M348" s="39"/>
      <c r="N348" s="39"/>
      <c r="O348" s="39"/>
      <c r="P348" s="4"/>
      <c r="Q348" s="42"/>
      <c r="R348" s="41"/>
      <c r="S348" s="41"/>
      <c r="T348" s="41"/>
    </row>
    <row r="349" spans="1:21" ht="15" customHeight="1">
      <c r="A349" s="84"/>
      <c r="B349" s="87"/>
      <c r="C349" s="87"/>
      <c r="D349" s="87"/>
      <c r="E349" s="35">
        <v>94320</v>
      </c>
      <c r="F349" s="35">
        <v>94830</v>
      </c>
      <c r="G349" s="30">
        <v>510</v>
      </c>
      <c r="H349" s="68"/>
      <c r="I349" s="37"/>
      <c r="J349" s="41"/>
      <c r="K349" s="43"/>
      <c r="L349" s="39"/>
      <c r="M349" s="39"/>
      <c r="N349" s="39"/>
      <c r="O349" s="39"/>
      <c r="P349" s="4"/>
      <c r="Q349" s="42"/>
      <c r="R349" s="41"/>
      <c r="S349" s="41"/>
      <c r="T349" s="41"/>
    </row>
    <row r="350" spans="1:21" ht="15" customHeight="1">
      <c r="A350" s="84">
        <v>152</v>
      </c>
      <c r="B350" s="83" t="s">
        <v>72</v>
      </c>
      <c r="C350" s="79" t="s">
        <v>190</v>
      </c>
      <c r="D350" s="73" t="s">
        <v>43</v>
      </c>
      <c r="E350" s="32">
        <v>50288365</v>
      </c>
      <c r="F350" s="32">
        <v>51778992</v>
      </c>
      <c r="G350" s="27">
        <v>1490627</v>
      </c>
      <c r="H350" s="67"/>
      <c r="I350" s="34"/>
      <c r="J350" s="1"/>
      <c r="K350" s="1"/>
    </row>
    <row r="351" spans="1:21" ht="15" customHeight="1">
      <c r="A351" s="84"/>
      <c r="B351" s="83"/>
      <c r="C351" s="80"/>
      <c r="D351" s="73"/>
      <c r="E351" s="35">
        <v>45731328</v>
      </c>
      <c r="F351" s="35">
        <v>47272781</v>
      </c>
      <c r="G351" s="30">
        <v>1541453</v>
      </c>
      <c r="H351" s="68"/>
      <c r="I351" s="37"/>
      <c r="J351" s="1"/>
      <c r="K351" s="1"/>
    </row>
    <row r="352" spans="1:21" ht="15" customHeight="1">
      <c r="A352" s="84" t="s">
        <v>245</v>
      </c>
      <c r="B352" s="87"/>
      <c r="C352" s="87"/>
      <c r="D352" s="87"/>
      <c r="E352" s="32">
        <v>50288365</v>
      </c>
      <c r="F352" s="32">
        <v>51778992</v>
      </c>
      <c r="G352" s="27">
        <v>1490627</v>
      </c>
      <c r="H352" s="67"/>
      <c r="I352" s="34"/>
      <c r="J352" s="41"/>
      <c r="K352" s="39"/>
      <c r="L352" s="39"/>
      <c r="M352" s="39"/>
      <c r="N352" s="39"/>
      <c r="O352" s="39"/>
      <c r="P352" s="4"/>
      <c r="Q352" s="42"/>
      <c r="R352" s="41"/>
      <c r="S352" s="41"/>
      <c r="T352" s="41"/>
    </row>
    <row r="353" spans="1:20" ht="15" customHeight="1">
      <c r="A353" s="84"/>
      <c r="B353" s="87"/>
      <c r="C353" s="87"/>
      <c r="D353" s="87"/>
      <c r="E353" s="35">
        <v>45731328</v>
      </c>
      <c r="F353" s="35">
        <v>47272781</v>
      </c>
      <c r="G353" s="30">
        <v>1541453</v>
      </c>
      <c r="H353" s="68"/>
      <c r="I353" s="37"/>
      <c r="J353" s="41"/>
      <c r="K353" s="43"/>
      <c r="L353" s="39"/>
      <c r="M353" s="39"/>
      <c r="N353" s="39"/>
      <c r="O353" s="39"/>
      <c r="P353" s="4"/>
      <c r="Q353" s="42"/>
      <c r="R353" s="47"/>
      <c r="S353" s="41"/>
      <c r="T353" s="41"/>
    </row>
    <row r="354" spans="1:20" ht="15" customHeight="1">
      <c r="A354" s="84">
        <v>153</v>
      </c>
      <c r="B354" s="83" t="s">
        <v>73</v>
      </c>
      <c r="C354" s="79" t="s">
        <v>191</v>
      </c>
      <c r="D354" s="73" t="s">
        <v>26</v>
      </c>
      <c r="E354" s="32">
        <v>9290801</v>
      </c>
      <c r="F354" s="32">
        <v>9668306</v>
      </c>
      <c r="G354" s="27">
        <v>377505</v>
      </c>
      <c r="H354" s="67" t="s">
        <v>4</v>
      </c>
      <c r="I354" s="34"/>
      <c r="J354" s="1"/>
      <c r="K354" s="1"/>
    </row>
    <row r="355" spans="1:20" ht="15" customHeight="1">
      <c r="A355" s="84"/>
      <c r="B355" s="83"/>
      <c r="C355" s="80"/>
      <c r="D355" s="73"/>
      <c r="E355" s="35">
        <v>3061949</v>
      </c>
      <c r="F355" s="35">
        <v>3156512</v>
      </c>
      <c r="G355" s="30">
        <v>94563</v>
      </c>
      <c r="H355" s="68"/>
      <c r="I355" s="37"/>
      <c r="J355" s="1"/>
      <c r="K355" s="1"/>
    </row>
    <row r="356" spans="1:20" ht="15" customHeight="1">
      <c r="A356" s="84" t="s">
        <v>246</v>
      </c>
      <c r="B356" s="87"/>
      <c r="C356" s="87"/>
      <c r="D356" s="87"/>
      <c r="E356" s="32">
        <v>9290801</v>
      </c>
      <c r="F356" s="32">
        <v>9668306</v>
      </c>
      <c r="G356" s="27">
        <v>377505</v>
      </c>
      <c r="H356" s="67"/>
      <c r="I356" s="34"/>
      <c r="J356" s="41"/>
      <c r="K356" s="39"/>
      <c r="L356" s="39"/>
      <c r="M356" s="39"/>
      <c r="N356" s="39"/>
      <c r="O356" s="39"/>
      <c r="P356" s="4"/>
      <c r="Q356" s="42"/>
      <c r="R356" s="41"/>
      <c r="S356" s="41"/>
      <c r="T356" s="41"/>
    </row>
    <row r="357" spans="1:20" ht="15" customHeight="1">
      <c r="A357" s="84"/>
      <c r="B357" s="87"/>
      <c r="C357" s="87"/>
      <c r="D357" s="87"/>
      <c r="E357" s="35">
        <v>3061949</v>
      </c>
      <c r="F357" s="35">
        <v>3156512</v>
      </c>
      <c r="G357" s="30">
        <v>94563</v>
      </c>
      <c r="H357" s="68"/>
      <c r="I357" s="37"/>
      <c r="J357" s="41"/>
      <c r="K357" s="43"/>
      <c r="L357" s="39"/>
      <c r="M357" s="39"/>
      <c r="N357" s="39"/>
      <c r="O357" s="39"/>
      <c r="P357" s="4"/>
      <c r="Q357" s="42"/>
      <c r="R357" s="47"/>
      <c r="S357" s="41"/>
      <c r="T357" s="41"/>
    </row>
    <row r="358" spans="1:20" ht="15" customHeight="1">
      <c r="A358" s="102" t="s">
        <v>5</v>
      </c>
      <c r="B358" s="103"/>
      <c r="C358" s="103"/>
      <c r="D358" s="104"/>
      <c r="E358" s="51">
        <v>593122860</v>
      </c>
      <c r="F358" s="51">
        <v>618583338</v>
      </c>
      <c r="G358" s="58">
        <v>25460478</v>
      </c>
      <c r="H358" s="108" t="s">
        <v>74</v>
      </c>
      <c r="I358" s="59">
        <v>1016094</v>
      </c>
      <c r="J358" s="1"/>
      <c r="K358" s="1"/>
      <c r="L358" s="39"/>
      <c r="M358" s="39"/>
      <c r="N358" s="39"/>
      <c r="O358" s="39"/>
      <c r="P358" s="39"/>
      <c r="Q358" s="4"/>
      <c r="R358" s="42"/>
      <c r="S358" s="47"/>
    </row>
    <row r="359" spans="1:20" ht="15" customHeight="1" thickBot="1">
      <c r="A359" s="105"/>
      <c r="B359" s="106"/>
      <c r="C359" s="106"/>
      <c r="D359" s="107"/>
      <c r="E359" s="60">
        <v>233936501</v>
      </c>
      <c r="F359" s="60">
        <v>241578037</v>
      </c>
      <c r="G359" s="61">
        <v>7641536</v>
      </c>
      <c r="H359" s="109"/>
      <c r="I359" s="62">
        <v>934648</v>
      </c>
      <c r="J359" s="1"/>
      <c r="K359" s="1"/>
      <c r="L359" s="43"/>
      <c r="M359" s="39"/>
      <c r="N359" s="39"/>
      <c r="O359" s="39"/>
      <c r="P359" s="39"/>
      <c r="Q359" s="4"/>
      <c r="R359" s="42"/>
      <c r="S359" s="41"/>
    </row>
    <row r="360" spans="1:20" ht="18" customHeight="1">
      <c r="A360" s="63"/>
      <c r="E360" s="3"/>
      <c r="F360" s="4"/>
      <c r="G360" s="5"/>
      <c r="H360" s="4"/>
      <c r="I360" s="4"/>
      <c r="J360" s="1"/>
      <c r="K360" s="1"/>
    </row>
    <row r="361" spans="1:20" ht="18" customHeight="1">
      <c r="E361" s="3"/>
      <c r="F361" s="6"/>
      <c r="G361" s="5"/>
      <c r="H361" s="4"/>
      <c r="I361" s="4"/>
      <c r="J361" s="1"/>
      <c r="K361" s="1"/>
    </row>
    <row r="362" spans="1:20" ht="18" customHeight="1">
      <c r="E362" s="4"/>
      <c r="F362" s="4"/>
      <c r="G362" s="7"/>
      <c r="H362" s="4"/>
      <c r="I362" s="4"/>
      <c r="J362" s="1"/>
      <c r="K362" s="1"/>
    </row>
    <row r="363" spans="1:20" ht="18" customHeight="1">
      <c r="E363" s="8"/>
      <c r="F363" s="5"/>
      <c r="G363" s="5"/>
      <c r="H363" s="4"/>
      <c r="I363" s="4"/>
      <c r="J363" s="1"/>
      <c r="K363" s="1"/>
    </row>
    <row r="364" spans="1:20" ht="18" customHeight="1">
      <c r="E364" s="8"/>
      <c r="F364" s="4"/>
      <c r="G364" s="4"/>
      <c r="H364" s="4"/>
      <c r="I364" s="4"/>
      <c r="J364" s="1"/>
      <c r="K364" s="1"/>
    </row>
    <row r="365" spans="1:20" ht="18" customHeight="1">
      <c r="E365" s="8"/>
      <c r="F365" s="5"/>
      <c r="G365" s="5"/>
      <c r="H365" s="4"/>
      <c r="I365" s="4"/>
      <c r="J365" s="1"/>
      <c r="K365" s="1"/>
    </row>
    <row r="366" spans="1:20" ht="18" customHeight="1">
      <c r="E366" s="4"/>
      <c r="F366" s="4"/>
      <c r="G366" s="7"/>
      <c r="H366" s="4"/>
      <c r="I366" s="4"/>
      <c r="J366" s="1"/>
      <c r="K366" s="1"/>
    </row>
    <row r="367" spans="1:20" ht="18" customHeight="1">
      <c r="E367" s="64"/>
      <c r="F367" s="65"/>
      <c r="G367" s="65"/>
      <c r="H367" s="41"/>
      <c r="I367" s="41"/>
      <c r="J367" s="1"/>
      <c r="K367" s="1"/>
    </row>
    <row r="368" spans="1:20" ht="18" customHeight="1">
      <c r="E368" s="41"/>
      <c r="F368" s="65"/>
      <c r="G368" s="65"/>
      <c r="H368" s="41"/>
      <c r="I368" s="41"/>
      <c r="J368" s="1"/>
      <c r="K368" s="1"/>
    </row>
    <row r="369" spans="3:9" s="1" customFormat="1" ht="18" customHeight="1">
      <c r="C369" s="12"/>
      <c r="E369" s="41"/>
      <c r="F369" s="65"/>
      <c r="G369" s="65"/>
      <c r="H369" s="41"/>
      <c r="I369" s="41"/>
    </row>
    <row r="370" spans="3:9" s="1" customFormat="1" ht="18" customHeight="1">
      <c r="C370" s="12"/>
      <c r="F370" s="66"/>
      <c r="G370" s="66"/>
      <c r="H370" s="41"/>
      <c r="I370" s="41"/>
    </row>
    <row r="371" spans="3:9" s="1" customFormat="1" ht="18" customHeight="1">
      <c r="C371" s="12"/>
      <c r="G371" s="2"/>
    </row>
    <row r="372" spans="3:9" s="1" customFormat="1" ht="18" customHeight="1">
      <c r="C372" s="12"/>
      <c r="F372" s="2"/>
      <c r="G372" s="2"/>
    </row>
    <row r="373" spans="3:9" s="1" customFormat="1" ht="18" customHeight="1">
      <c r="C373" s="12"/>
      <c r="F373" s="2"/>
      <c r="G373" s="2"/>
    </row>
    <row r="374" spans="3:9" s="1" customFormat="1" ht="18" customHeight="1">
      <c r="C374" s="12"/>
      <c r="F374" s="2"/>
      <c r="G374" s="2"/>
    </row>
    <row r="375" spans="3:9" s="1" customFormat="1" ht="18" customHeight="1">
      <c r="C375" s="12"/>
      <c r="F375" s="2"/>
      <c r="G375" s="2"/>
    </row>
    <row r="376" spans="3:9" s="1" customFormat="1" ht="18" customHeight="1">
      <c r="C376" s="12"/>
      <c r="F376" s="2"/>
      <c r="G376" s="2"/>
    </row>
  </sheetData>
  <customSheetViews>
    <customSheetView guid="{63E72C4B-0425-427F-B021-595A878B0101}" scale="85" showPageBreaks="1" fitToPage="1" printArea="1" view="pageBreakPreview">
      <selection activeCell="C12" sqref="C12:C13"/>
      <rowBreaks count="7" manualBreakCount="7">
        <brk id="53" max="8" man="1"/>
        <brk id="113" max="8" man="1"/>
        <brk id="149" max="8" man="1"/>
        <brk id="209" max="8" man="1"/>
        <brk id="241" max="8" man="1"/>
        <brk id="285" max="8" man="1"/>
        <brk id="341" max="8" man="1"/>
      </rowBreaks>
      <pageMargins left="0.70866141732283472" right="0.70866141732283472" top="0.78740157480314965" bottom="0.59055118110236227" header="0.31496062992125984" footer="0.31496062992125984"/>
      <pageSetup paperSize="9" scale="81" fitToHeight="0" orientation="portrait" cellComments="asDisplayed" r:id="rId1"/>
    </customSheetView>
    <customSheetView guid="{6329FFE8-6DD9-4CA2-A1F7-77D00E241677}" showPageBreaks="1" printArea="1" view="pageBreakPreview" topLeftCell="A339">
      <selection activeCell="B350" sqref="B350:B351"/>
      <rowBreaks count="2" manualBreakCount="2">
        <brk id="133" max="8" man="1"/>
        <brk id="319" max="8" man="1"/>
      </rowBreaks>
      <pageMargins left="0.70866141732283472" right="0.70866141732283472" top="0.78740157480314965" bottom="0.59055118110236227" header="0.31496062992125984" footer="0.31496062992125984"/>
      <pageSetup paperSize="9" scale="80" fitToHeight="0" orientation="portrait" cellComments="asDisplayed" r:id="rId2"/>
    </customSheetView>
    <customSheetView guid="{A00F1F41-5C8C-4DE8-97E4-6B58F18DB308}" scale="85" showPageBreaks="1" fitToPage="1" printArea="1" view="pageBreakPreview" topLeftCell="A262">
      <selection activeCell="F276" sqref="F276"/>
      <rowBreaks count="7" manualBreakCount="7">
        <brk id="53" max="8" man="1"/>
        <brk id="113" max="8" man="1"/>
        <brk id="149" max="8" man="1"/>
        <brk id="209" max="8" man="1"/>
        <brk id="241" max="8" man="1"/>
        <brk id="285" max="8" man="1"/>
        <brk id="341" max="8" man="1"/>
      </rowBreaks>
      <pageMargins left="0.70866141732283472" right="0.70866141732283472" top="0.78740157480314965" bottom="0.59055118110236227" header="0.31496062992125984" footer="0.31496062992125984"/>
      <pageSetup paperSize="9" scale="81" fitToHeight="0" orientation="portrait" cellComments="asDisplayed" r:id="rId3"/>
    </customSheetView>
    <customSheetView guid="{804A3210-FB6A-47F8-B706-2CEA455FFE8B}" scale="85" showPageBreaks="1" fitToPage="1" printArea="1" view="pageBreakPreview" topLeftCell="A293">
      <selection activeCell="F314" sqref="F314"/>
      <rowBreaks count="7" manualBreakCount="7">
        <brk id="53" max="8" man="1"/>
        <brk id="113" max="8" man="1"/>
        <brk id="149" max="8" man="1"/>
        <brk id="209" max="8" man="1"/>
        <brk id="241" max="8" man="1"/>
        <brk id="285" max="8" man="1"/>
        <brk id="341" max="8" man="1"/>
      </rowBreaks>
      <pageMargins left="0.70866141732283472" right="0.70866141732283472" top="0.78740157480314965" bottom="0.59055118110236227" header="0.31496062992125984" footer="0.31496062992125984"/>
      <pageSetup paperSize="9" scale="81" fitToHeight="0" orientation="portrait" cellComments="asDisplayed" r:id="rId4"/>
    </customSheetView>
    <customSheetView guid="{A3816552-7586-41A0-81AD-96B9D8D12CD9}" scale="85" showPageBreaks="1" fitToPage="1" printArea="1" view="pageBreakPreview" topLeftCell="A109">
      <selection activeCell="I121" sqref="I121"/>
      <rowBreaks count="7" manualBreakCount="7">
        <brk id="53" max="8" man="1"/>
        <brk id="113" max="8" man="1"/>
        <brk id="149" max="8" man="1"/>
        <brk id="209" max="8" man="1"/>
        <brk id="241" max="8" man="1"/>
        <brk id="285" max="8" man="1"/>
        <brk id="341" max="8" man="1"/>
      </rowBreaks>
      <pageMargins left="0.70866141732283472" right="0.70866141732283472" top="0.78740157480314965" bottom="0.59055118110236227" header="0.31496062992125984" footer="0.31496062992125984"/>
      <pageSetup paperSize="9" scale="81" fitToHeight="0" orientation="portrait" cellComments="asDisplayed" r:id="rId5"/>
    </customSheetView>
    <customSheetView guid="{E2396B35-1320-48E2-9011-409EDE41810B}" scale="85" showPageBreaks="1" fitToPage="1" printArea="1" view="pageBreakPreview" topLeftCell="A331">
      <selection activeCell="R350" sqref="R350"/>
      <rowBreaks count="7" manualBreakCount="7">
        <brk id="53" max="8" man="1"/>
        <brk id="113" max="8" man="1"/>
        <brk id="149" max="8" man="1"/>
        <brk id="209" max="8" man="1"/>
        <brk id="241" max="8" man="1"/>
        <brk id="285" max="8" man="1"/>
        <brk id="341" max="8" man="1"/>
      </rowBreaks>
      <pageMargins left="0.70866141732283472" right="0.70866141732283472" top="0.78740157480314965" bottom="0.59055118110236227" header="0.31496062992125984" footer="0.31496062992125984"/>
      <pageSetup paperSize="9" scale="81" fitToHeight="0" orientation="portrait" cellComments="asDisplayed" r:id="rId6"/>
    </customSheetView>
    <customSheetView guid="{67821D83-BC16-4D0F-BC94-FCEF3D82A48E}" scale="85" showPageBreaks="1" printArea="1" view="pageBreakPreview" topLeftCell="A38">
      <selection activeCell="A60" sqref="A60:I179"/>
      <pageMargins left="0.70866141732283472" right="0.70866141732283472" top="0.78740157480314965" bottom="0.59055118110236227" header="0.31496062992125984" footer="0.31496062992125984"/>
      <pageSetup paperSize="9" scale="80" fitToHeight="0" orientation="portrait" cellComments="asDisplayed" r:id="rId7"/>
    </customSheetView>
    <customSheetView guid="{6429B997-388E-4C1B-91D1-023C7D699B0E}" scale="85" showPageBreaks="1" printArea="1" view="pageBreakPreview" topLeftCell="A346">
      <selection activeCell="A132" sqref="A132:I133"/>
      <rowBreaks count="2" manualBreakCount="2">
        <brk id="133" max="8" man="1"/>
        <brk id="319" max="8" man="1"/>
      </rowBreaks>
      <pageMargins left="0.70866141732283472" right="0.70866141732283472" top="0.78740157480314965" bottom="0.59055118110236227" header="0.31496062992125984" footer="0.31496062992125984"/>
      <pageSetup paperSize="9" scale="80" fitToHeight="0" orientation="portrait" cellComments="asDisplayed" r:id="rId8"/>
    </customSheetView>
    <customSheetView guid="{ABF5A6EC-4A37-4B5F-B682-6DE759B4D695}" scale="85" showPageBreaks="1" printArea="1" view="pageBreakPreview" topLeftCell="A16">
      <selection activeCell="K362" sqref="K362"/>
      <rowBreaks count="2" manualBreakCount="2">
        <brk id="133" max="8" man="1"/>
        <brk id="319" max="8" man="1"/>
      </rowBreaks>
      <pageMargins left="0.70866141732283472" right="0.70866141732283472" top="0.78740157480314965" bottom="0.59055118110236227" header="0.31496062992125984" footer="0.31496062992125984"/>
      <pageSetup paperSize="9" scale="80" fitToHeight="0" orientation="portrait" cellComments="asDisplayed" r:id="rId9"/>
    </customSheetView>
  </customSheetViews>
  <mergeCells count="799">
    <mergeCell ref="A322:A323"/>
    <mergeCell ref="B322:B323"/>
    <mergeCell ref="C322:C323"/>
    <mergeCell ref="D322:D323"/>
    <mergeCell ref="H322:H323"/>
    <mergeCell ref="D316:D317"/>
    <mergeCell ref="H316:H317"/>
    <mergeCell ref="A318:A319"/>
    <mergeCell ref="B318:B319"/>
    <mergeCell ref="C318:C319"/>
    <mergeCell ref="D318:D319"/>
    <mergeCell ref="H318:H319"/>
    <mergeCell ref="D320:D321"/>
    <mergeCell ref="H320:H321"/>
    <mergeCell ref="A310:A311"/>
    <mergeCell ref="B310:B311"/>
    <mergeCell ref="C310:C311"/>
    <mergeCell ref="D310:D311"/>
    <mergeCell ref="A286:A287"/>
    <mergeCell ref="B286:B287"/>
    <mergeCell ref="C286:C287"/>
    <mergeCell ref="D286:D287"/>
    <mergeCell ref="H286:H287"/>
    <mergeCell ref="A288:D289"/>
    <mergeCell ref="H288:H289"/>
    <mergeCell ref="C292:C293"/>
    <mergeCell ref="A294:A295"/>
    <mergeCell ref="A308:A309"/>
    <mergeCell ref="A296:A297"/>
    <mergeCell ref="H302:H303"/>
    <mergeCell ref="C312:C313"/>
    <mergeCell ref="D312:D313"/>
    <mergeCell ref="D296:D297"/>
    <mergeCell ref="D302:D303"/>
    <mergeCell ref="B312:B313"/>
    <mergeCell ref="H296:H297"/>
    <mergeCell ref="H292:H293"/>
    <mergeCell ref="B294:B295"/>
    <mergeCell ref="C294:C295"/>
    <mergeCell ref="D294:D295"/>
    <mergeCell ref="H294:H295"/>
    <mergeCell ref="B308:B309"/>
    <mergeCell ref="C308:C309"/>
    <mergeCell ref="D308:D309"/>
    <mergeCell ref="B296:B297"/>
    <mergeCell ref="C296:C297"/>
    <mergeCell ref="H236:H237"/>
    <mergeCell ref="C276:C277"/>
    <mergeCell ref="D276:D277"/>
    <mergeCell ref="H276:H277"/>
    <mergeCell ref="A278:A279"/>
    <mergeCell ref="B278:B279"/>
    <mergeCell ref="C278:C279"/>
    <mergeCell ref="D278:D279"/>
    <mergeCell ref="H278:H279"/>
    <mergeCell ref="A270:A271"/>
    <mergeCell ref="B270:B271"/>
    <mergeCell ref="C270:C271"/>
    <mergeCell ref="D270:D271"/>
    <mergeCell ref="H270:H271"/>
    <mergeCell ref="H266:H267"/>
    <mergeCell ref="H268:H269"/>
    <mergeCell ref="D272:D273"/>
    <mergeCell ref="H272:H273"/>
    <mergeCell ref="A274:A275"/>
    <mergeCell ref="B274:B275"/>
    <mergeCell ref="C274:C275"/>
    <mergeCell ref="A276:A277"/>
    <mergeCell ref="B276:B277"/>
    <mergeCell ref="A268:A269"/>
    <mergeCell ref="D216:D217"/>
    <mergeCell ref="A226:A227"/>
    <mergeCell ref="A236:A237"/>
    <mergeCell ref="B236:B237"/>
    <mergeCell ref="C236:C237"/>
    <mergeCell ref="D236:D237"/>
    <mergeCell ref="D224:D225"/>
    <mergeCell ref="D226:D227"/>
    <mergeCell ref="A240:A241"/>
    <mergeCell ref="B240:B241"/>
    <mergeCell ref="C240:C241"/>
    <mergeCell ref="D240:D241"/>
    <mergeCell ref="B226:B227"/>
    <mergeCell ref="C226:C227"/>
    <mergeCell ref="A230:A231"/>
    <mergeCell ref="A196:A197"/>
    <mergeCell ref="A188:A189"/>
    <mergeCell ref="D188:D189"/>
    <mergeCell ref="A232:A233"/>
    <mergeCell ref="B232:B233"/>
    <mergeCell ref="C232:C233"/>
    <mergeCell ref="D232:D233"/>
    <mergeCell ref="A200:A201"/>
    <mergeCell ref="B200:B201"/>
    <mergeCell ref="C200:C201"/>
    <mergeCell ref="D200:D201"/>
    <mergeCell ref="A198:A199"/>
    <mergeCell ref="B198:B199"/>
    <mergeCell ref="C198:C199"/>
    <mergeCell ref="D198:D199"/>
    <mergeCell ref="A192:A193"/>
    <mergeCell ref="B192:B193"/>
    <mergeCell ref="A194:A195"/>
    <mergeCell ref="B194:B195"/>
    <mergeCell ref="C194:C195"/>
    <mergeCell ref="A212:A213"/>
    <mergeCell ref="B212:B213"/>
    <mergeCell ref="D194:D195"/>
    <mergeCell ref="A190:A191"/>
    <mergeCell ref="H200:H201"/>
    <mergeCell ref="H314:H315"/>
    <mergeCell ref="A314:D315"/>
    <mergeCell ref="A304:A305"/>
    <mergeCell ref="B304:B305"/>
    <mergeCell ref="C304:C305"/>
    <mergeCell ref="D304:D305"/>
    <mergeCell ref="H304:H305"/>
    <mergeCell ref="A306:A307"/>
    <mergeCell ref="B306:B307"/>
    <mergeCell ref="C306:C307"/>
    <mergeCell ref="D306:D307"/>
    <mergeCell ref="H306:H307"/>
    <mergeCell ref="A300:A301"/>
    <mergeCell ref="B300:B301"/>
    <mergeCell ref="C300:C301"/>
    <mergeCell ref="D300:D301"/>
    <mergeCell ref="H300:H301"/>
    <mergeCell ref="A302:A303"/>
    <mergeCell ref="B302:B303"/>
    <mergeCell ref="C302:C303"/>
    <mergeCell ref="A312:A313"/>
    <mergeCell ref="H232:H233"/>
    <mergeCell ref="A254:A255"/>
    <mergeCell ref="A44:D45"/>
    <mergeCell ref="A54:D55"/>
    <mergeCell ref="A150:D151"/>
    <mergeCell ref="A172:A173"/>
    <mergeCell ref="B172:B173"/>
    <mergeCell ref="C172:C173"/>
    <mergeCell ref="B122:B123"/>
    <mergeCell ref="C122:C123"/>
    <mergeCell ref="D122:D123"/>
    <mergeCell ref="C166:C167"/>
    <mergeCell ref="D166:D167"/>
    <mergeCell ref="A168:A169"/>
    <mergeCell ref="B168:B169"/>
    <mergeCell ref="C168:C169"/>
    <mergeCell ref="D168:D169"/>
    <mergeCell ref="C170:C171"/>
    <mergeCell ref="A166:A167"/>
    <mergeCell ref="B166:B167"/>
    <mergeCell ref="A122:A123"/>
    <mergeCell ref="A118:A119"/>
    <mergeCell ref="B118:B119"/>
    <mergeCell ref="C118:C119"/>
    <mergeCell ref="D118:D119"/>
    <mergeCell ref="A110:A111"/>
    <mergeCell ref="B190:B191"/>
    <mergeCell ref="C190:C191"/>
    <mergeCell ref="D190:D191"/>
    <mergeCell ref="A138:A139"/>
    <mergeCell ref="B138:B139"/>
    <mergeCell ref="C138:C139"/>
    <mergeCell ref="D138:D139"/>
    <mergeCell ref="D158:D159"/>
    <mergeCell ref="A180:A181"/>
    <mergeCell ref="B180:B181"/>
    <mergeCell ref="C180:C181"/>
    <mergeCell ref="D180:D181"/>
    <mergeCell ref="A184:A185"/>
    <mergeCell ref="B184:B185"/>
    <mergeCell ref="C184:C185"/>
    <mergeCell ref="D184:D185"/>
    <mergeCell ref="H150:H151"/>
    <mergeCell ref="A140:A141"/>
    <mergeCell ref="B140:B141"/>
    <mergeCell ref="C140:C141"/>
    <mergeCell ref="D140:D141"/>
    <mergeCell ref="H140:H141"/>
    <mergeCell ref="A142:A143"/>
    <mergeCell ref="B142:B143"/>
    <mergeCell ref="C142:C143"/>
    <mergeCell ref="D142:D143"/>
    <mergeCell ref="A148:A149"/>
    <mergeCell ref="B148:B149"/>
    <mergeCell ref="C148:C149"/>
    <mergeCell ref="D148:D149"/>
    <mergeCell ref="H148:H149"/>
    <mergeCell ref="A146:A147"/>
    <mergeCell ref="B146:B147"/>
    <mergeCell ref="C146:C147"/>
    <mergeCell ref="D146:D147"/>
    <mergeCell ref="H146:H147"/>
    <mergeCell ref="H138:H139"/>
    <mergeCell ref="A144:A145"/>
    <mergeCell ref="B144:B145"/>
    <mergeCell ref="C144:C145"/>
    <mergeCell ref="D144:D145"/>
    <mergeCell ref="A130:A131"/>
    <mergeCell ref="B130:B131"/>
    <mergeCell ref="C130:C131"/>
    <mergeCell ref="D130:D131"/>
    <mergeCell ref="H130:H131"/>
    <mergeCell ref="A132:A133"/>
    <mergeCell ref="B132:B133"/>
    <mergeCell ref="C132:C133"/>
    <mergeCell ref="D132:D133"/>
    <mergeCell ref="H132:H133"/>
    <mergeCell ref="A134:A135"/>
    <mergeCell ref="B134:B135"/>
    <mergeCell ref="C134:C135"/>
    <mergeCell ref="D134:D135"/>
    <mergeCell ref="H134:H135"/>
    <mergeCell ref="A136:A137"/>
    <mergeCell ref="B136:B137"/>
    <mergeCell ref="C136:C137"/>
    <mergeCell ref="D136:D137"/>
    <mergeCell ref="H136:H137"/>
    <mergeCell ref="A128:A129"/>
    <mergeCell ref="B128:B129"/>
    <mergeCell ref="C128:C129"/>
    <mergeCell ref="D128:D129"/>
    <mergeCell ref="H128:H129"/>
    <mergeCell ref="A124:A125"/>
    <mergeCell ref="B124:B125"/>
    <mergeCell ref="C124:C125"/>
    <mergeCell ref="D124:D125"/>
    <mergeCell ref="H124:H125"/>
    <mergeCell ref="A126:A127"/>
    <mergeCell ref="B126:B127"/>
    <mergeCell ref="C126:C127"/>
    <mergeCell ref="D126:D127"/>
    <mergeCell ref="H126:H127"/>
    <mergeCell ref="H118:H119"/>
    <mergeCell ref="A120:A121"/>
    <mergeCell ref="B120:B121"/>
    <mergeCell ref="C120:C121"/>
    <mergeCell ref="D120:D121"/>
    <mergeCell ref="H120:H121"/>
    <mergeCell ref="A114:A115"/>
    <mergeCell ref="B114:B115"/>
    <mergeCell ref="C114:C115"/>
    <mergeCell ref="D114:D115"/>
    <mergeCell ref="H114:H115"/>
    <mergeCell ref="A116:A117"/>
    <mergeCell ref="B116:B117"/>
    <mergeCell ref="C116:C117"/>
    <mergeCell ref="D116:D117"/>
    <mergeCell ref="H116:H117"/>
    <mergeCell ref="B110:B111"/>
    <mergeCell ref="C110:C111"/>
    <mergeCell ref="D110:D111"/>
    <mergeCell ref="H110:H111"/>
    <mergeCell ref="A112:A113"/>
    <mergeCell ref="B112:B113"/>
    <mergeCell ref="C112:C113"/>
    <mergeCell ref="D112:D113"/>
    <mergeCell ref="H112:H113"/>
    <mergeCell ref="A106:A107"/>
    <mergeCell ref="B106:B107"/>
    <mergeCell ref="C106:C107"/>
    <mergeCell ref="D106:D107"/>
    <mergeCell ref="H106:H107"/>
    <mergeCell ref="A108:A109"/>
    <mergeCell ref="B108:B109"/>
    <mergeCell ref="C108:C109"/>
    <mergeCell ref="D108:D109"/>
    <mergeCell ref="H108:H109"/>
    <mergeCell ref="A102:A103"/>
    <mergeCell ref="B102:B103"/>
    <mergeCell ref="C102:C103"/>
    <mergeCell ref="D102:D103"/>
    <mergeCell ref="H102:H103"/>
    <mergeCell ref="A104:A105"/>
    <mergeCell ref="B104:B105"/>
    <mergeCell ref="C104:C105"/>
    <mergeCell ref="D104:D105"/>
    <mergeCell ref="H104:H105"/>
    <mergeCell ref="A98:A99"/>
    <mergeCell ref="B98:B99"/>
    <mergeCell ref="C98:C99"/>
    <mergeCell ref="D98:D99"/>
    <mergeCell ref="H98:H99"/>
    <mergeCell ref="A100:A101"/>
    <mergeCell ref="B100:B101"/>
    <mergeCell ref="C100:C101"/>
    <mergeCell ref="D100:D101"/>
    <mergeCell ref="H100:H101"/>
    <mergeCell ref="A94:A95"/>
    <mergeCell ref="B94:B95"/>
    <mergeCell ref="C94:C95"/>
    <mergeCell ref="D94:D95"/>
    <mergeCell ref="H94:H95"/>
    <mergeCell ref="A96:A97"/>
    <mergeCell ref="B96:B97"/>
    <mergeCell ref="C96:C97"/>
    <mergeCell ref="D96:D97"/>
    <mergeCell ref="H96:H97"/>
    <mergeCell ref="A90:A91"/>
    <mergeCell ref="B90:B91"/>
    <mergeCell ref="C90:C91"/>
    <mergeCell ref="D90:D91"/>
    <mergeCell ref="H90:H91"/>
    <mergeCell ref="A92:A93"/>
    <mergeCell ref="B92:B93"/>
    <mergeCell ref="C92:C93"/>
    <mergeCell ref="D92:D93"/>
    <mergeCell ref="H92:H93"/>
    <mergeCell ref="A86:A87"/>
    <mergeCell ref="B86:B87"/>
    <mergeCell ref="C86:C87"/>
    <mergeCell ref="D86:D87"/>
    <mergeCell ref="H86:H87"/>
    <mergeCell ref="A88:A89"/>
    <mergeCell ref="B88:B89"/>
    <mergeCell ref="C88:C89"/>
    <mergeCell ref="D88:D89"/>
    <mergeCell ref="H88:H89"/>
    <mergeCell ref="A82:A83"/>
    <mergeCell ref="B82:B83"/>
    <mergeCell ref="C82:C83"/>
    <mergeCell ref="D82:D83"/>
    <mergeCell ref="H82:H83"/>
    <mergeCell ref="A84:A85"/>
    <mergeCell ref="B84:B85"/>
    <mergeCell ref="C84:C85"/>
    <mergeCell ref="D84:D85"/>
    <mergeCell ref="H84:H85"/>
    <mergeCell ref="A78:A79"/>
    <mergeCell ref="B78:B79"/>
    <mergeCell ref="C78:C79"/>
    <mergeCell ref="D78:D79"/>
    <mergeCell ref="H78:H79"/>
    <mergeCell ref="A80:A81"/>
    <mergeCell ref="B80:B81"/>
    <mergeCell ref="C80:C81"/>
    <mergeCell ref="D80:D81"/>
    <mergeCell ref="H80:H81"/>
    <mergeCell ref="A74:A75"/>
    <mergeCell ref="B74:B75"/>
    <mergeCell ref="C74:C75"/>
    <mergeCell ref="D74:D75"/>
    <mergeCell ref="H74:H75"/>
    <mergeCell ref="A76:A77"/>
    <mergeCell ref="B76:B77"/>
    <mergeCell ref="C76:C77"/>
    <mergeCell ref="D76:D77"/>
    <mergeCell ref="H76:H77"/>
    <mergeCell ref="A70:A71"/>
    <mergeCell ref="B70:B71"/>
    <mergeCell ref="C70:C71"/>
    <mergeCell ref="D70:D71"/>
    <mergeCell ref="H70:H71"/>
    <mergeCell ref="A72:A73"/>
    <mergeCell ref="B72:B73"/>
    <mergeCell ref="C72:C73"/>
    <mergeCell ref="D72:D73"/>
    <mergeCell ref="H72:H73"/>
    <mergeCell ref="A66:A67"/>
    <mergeCell ref="B66:B67"/>
    <mergeCell ref="C66:C67"/>
    <mergeCell ref="D66:D67"/>
    <mergeCell ref="H66:H67"/>
    <mergeCell ref="A68:A69"/>
    <mergeCell ref="B68:B69"/>
    <mergeCell ref="C68:C69"/>
    <mergeCell ref="D68:D69"/>
    <mergeCell ref="H68:H69"/>
    <mergeCell ref="A62:A63"/>
    <mergeCell ref="B62:B63"/>
    <mergeCell ref="C62:C63"/>
    <mergeCell ref="D62:D63"/>
    <mergeCell ref="H62:H63"/>
    <mergeCell ref="A64:A65"/>
    <mergeCell ref="B64:B65"/>
    <mergeCell ref="C64:C65"/>
    <mergeCell ref="D64:D65"/>
    <mergeCell ref="H64:H65"/>
    <mergeCell ref="A60:A61"/>
    <mergeCell ref="B60:B61"/>
    <mergeCell ref="C60:C61"/>
    <mergeCell ref="D60:D61"/>
    <mergeCell ref="H60:H61"/>
    <mergeCell ref="A50:A51"/>
    <mergeCell ref="B50:B51"/>
    <mergeCell ref="C50:C51"/>
    <mergeCell ref="D50:D51"/>
    <mergeCell ref="H50:H51"/>
    <mergeCell ref="A52:A53"/>
    <mergeCell ref="B52:B53"/>
    <mergeCell ref="C52:C53"/>
    <mergeCell ref="D52:D53"/>
    <mergeCell ref="A56:A57"/>
    <mergeCell ref="B56:B57"/>
    <mergeCell ref="C56:C57"/>
    <mergeCell ref="D56:D57"/>
    <mergeCell ref="H56:H57"/>
    <mergeCell ref="A58:D59"/>
    <mergeCell ref="H58:H59"/>
    <mergeCell ref="A46:A47"/>
    <mergeCell ref="B46:B47"/>
    <mergeCell ref="C46:C47"/>
    <mergeCell ref="D46:D47"/>
    <mergeCell ref="H46:H47"/>
    <mergeCell ref="A48:A49"/>
    <mergeCell ref="B48:B49"/>
    <mergeCell ref="C48:C49"/>
    <mergeCell ref="D48:D49"/>
    <mergeCell ref="H48:H49"/>
    <mergeCell ref="D38:D39"/>
    <mergeCell ref="H38:H39"/>
    <mergeCell ref="A40:A41"/>
    <mergeCell ref="B40:B41"/>
    <mergeCell ref="C40:C41"/>
    <mergeCell ref="D40:D41"/>
    <mergeCell ref="H40:H41"/>
    <mergeCell ref="A42:A43"/>
    <mergeCell ref="B42:B43"/>
    <mergeCell ref="C42:C43"/>
    <mergeCell ref="D42:D43"/>
    <mergeCell ref="H42:H43"/>
    <mergeCell ref="A38:A39"/>
    <mergeCell ref="B38:B39"/>
    <mergeCell ref="C38:C39"/>
    <mergeCell ref="H30:H31"/>
    <mergeCell ref="A32:A33"/>
    <mergeCell ref="B32:B33"/>
    <mergeCell ref="C32:C33"/>
    <mergeCell ref="D32:D33"/>
    <mergeCell ref="H32:H33"/>
    <mergeCell ref="A36:A37"/>
    <mergeCell ref="B36:B37"/>
    <mergeCell ref="C36:C37"/>
    <mergeCell ref="D36:D37"/>
    <mergeCell ref="H36:H37"/>
    <mergeCell ref="H34:H35"/>
    <mergeCell ref="A34:A35"/>
    <mergeCell ref="B34:B35"/>
    <mergeCell ref="C34:C35"/>
    <mergeCell ref="D34:D35"/>
    <mergeCell ref="H280:H281"/>
    <mergeCell ref="A290:A291"/>
    <mergeCell ref="B290:B291"/>
    <mergeCell ref="C290:C291"/>
    <mergeCell ref="D290:D291"/>
    <mergeCell ref="H290:H291"/>
    <mergeCell ref="A280:D281"/>
    <mergeCell ref="A298:A299"/>
    <mergeCell ref="B298:B299"/>
    <mergeCell ref="C298:C299"/>
    <mergeCell ref="D298:D299"/>
    <mergeCell ref="H298:H299"/>
    <mergeCell ref="A292:A293"/>
    <mergeCell ref="B292:B293"/>
    <mergeCell ref="A284:D285"/>
    <mergeCell ref="H284:H285"/>
    <mergeCell ref="D292:D293"/>
    <mergeCell ref="A282:A283"/>
    <mergeCell ref="B282:B283"/>
    <mergeCell ref="C282:C283"/>
    <mergeCell ref="D282:D283"/>
    <mergeCell ref="H282:H283"/>
    <mergeCell ref="D274:D275"/>
    <mergeCell ref="H274:H275"/>
    <mergeCell ref="A262:A263"/>
    <mergeCell ref="B262:B263"/>
    <mergeCell ref="C262:C263"/>
    <mergeCell ref="D262:D263"/>
    <mergeCell ref="H262:H263"/>
    <mergeCell ref="A264:A265"/>
    <mergeCell ref="B264:B265"/>
    <mergeCell ref="C264:C265"/>
    <mergeCell ref="D264:D265"/>
    <mergeCell ref="H264:H265"/>
    <mergeCell ref="B268:B269"/>
    <mergeCell ref="C268:C269"/>
    <mergeCell ref="D268:D269"/>
    <mergeCell ref="A266:D267"/>
    <mergeCell ref="A272:A273"/>
    <mergeCell ref="B272:B273"/>
    <mergeCell ref="C272:C273"/>
    <mergeCell ref="A260:A261"/>
    <mergeCell ref="B260:B261"/>
    <mergeCell ref="C260:C261"/>
    <mergeCell ref="D260:D261"/>
    <mergeCell ref="H260:H261"/>
    <mergeCell ref="H256:H257"/>
    <mergeCell ref="A252:A253"/>
    <mergeCell ref="B252:B253"/>
    <mergeCell ref="C252:C253"/>
    <mergeCell ref="D252:D253"/>
    <mergeCell ref="B254:B255"/>
    <mergeCell ref="C254:C255"/>
    <mergeCell ref="D254:D255"/>
    <mergeCell ref="A258:A259"/>
    <mergeCell ref="B258:B259"/>
    <mergeCell ref="C258:C259"/>
    <mergeCell ref="D258:D259"/>
    <mergeCell ref="H258:H259"/>
    <mergeCell ref="A256:D257"/>
    <mergeCell ref="H210:H211"/>
    <mergeCell ref="B230:B231"/>
    <mergeCell ref="C230:C231"/>
    <mergeCell ref="D230:D231"/>
    <mergeCell ref="H230:H231"/>
    <mergeCell ref="C248:C249"/>
    <mergeCell ref="D248:D249"/>
    <mergeCell ref="H248:H249"/>
    <mergeCell ref="A250:A251"/>
    <mergeCell ref="B250:B251"/>
    <mergeCell ref="C250:C251"/>
    <mergeCell ref="D250:D251"/>
    <mergeCell ref="H250:H251"/>
    <mergeCell ref="H234:H235"/>
    <mergeCell ref="A234:D235"/>
    <mergeCell ref="A228:A229"/>
    <mergeCell ref="B228:B229"/>
    <mergeCell ref="C228:C229"/>
    <mergeCell ref="H242:H243"/>
    <mergeCell ref="H244:H245"/>
    <mergeCell ref="A244:A245"/>
    <mergeCell ref="B244:B245"/>
    <mergeCell ref="C244:C245"/>
    <mergeCell ref="D244:D245"/>
    <mergeCell ref="H356:H357"/>
    <mergeCell ref="A356:D357"/>
    <mergeCell ref="H348:H349"/>
    <mergeCell ref="A350:A351"/>
    <mergeCell ref="B350:B351"/>
    <mergeCell ref="C350:C351"/>
    <mergeCell ref="D350:D351"/>
    <mergeCell ref="H350:H351"/>
    <mergeCell ref="A348:D349"/>
    <mergeCell ref="H344:H345"/>
    <mergeCell ref="A346:A347"/>
    <mergeCell ref="B346:B347"/>
    <mergeCell ref="C346:C347"/>
    <mergeCell ref="D346:D347"/>
    <mergeCell ref="H346:H347"/>
    <mergeCell ref="A344:D345"/>
    <mergeCell ref="H352:H353"/>
    <mergeCell ref="A354:A355"/>
    <mergeCell ref="B354:B355"/>
    <mergeCell ref="C354:C355"/>
    <mergeCell ref="D354:D355"/>
    <mergeCell ref="H354:H355"/>
    <mergeCell ref="A352:D353"/>
    <mergeCell ref="H340:H341"/>
    <mergeCell ref="A342:A343"/>
    <mergeCell ref="B342:B343"/>
    <mergeCell ref="C342:C343"/>
    <mergeCell ref="D342:D343"/>
    <mergeCell ref="H342:H343"/>
    <mergeCell ref="A340:D341"/>
    <mergeCell ref="A328:A329"/>
    <mergeCell ref="B328:B329"/>
    <mergeCell ref="C328:C329"/>
    <mergeCell ref="D328:D329"/>
    <mergeCell ref="H328:H329"/>
    <mergeCell ref="H334:H335"/>
    <mergeCell ref="A336:A337"/>
    <mergeCell ref="B336:B337"/>
    <mergeCell ref="C336:C337"/>
    <mergeCell ref="D336:D337"/>
    <mergeCell ref="H336:H337"/>
    <mergeCell ref="A334:D335"/>
    <mergeCell ref="H330:H331"/>
    <mergeCell ref="A332:A333"/>
    <mergeCell ref="B332:B333"/>
    <mergeCell ref="C332:C333"/>
    <mergeCell ref="D332:D333"/>
    <mergeCell ref="A338:A339"/>
    <mergeCell ref="B338:B339"/>
    <mergeCell ref="C338:C339"/>
    <mergeCell ref="D338:D339"/>
    <mergeCell ref="H338:H339"/>
    <mergeCell ref="A326:A327"/>
    <mergeCell ref="B326:B327"/>
    <mergeCell ref="C326:C327"/>
    <mergeCell ref="D326:D327"/>
    <mergeCell ref="H326:H327"/>
    <mergeCell ref="A208:A209"/>
    <mergeCell ref="B208:B209"/>
    <mergeCell ref="C208:C209"/>
    <mergeCell ref="D208:D209"/>
    <mergeCell ref="H208:H209"/>
    <mergeCell ref="A210:A211"/>
    <mergeCell ref="B210:B211"/>
    <mergeCell ref="H332:H333"/>
    <mergeCell ref="A330:D331"/>
    <mergeCell ref="D228:D229"/>
    <mergeCell ref="H228:H229"/>
    <mergeCell ref="B216:B217"/>
    <mergeCell ref="C216:C217"/>
    <mergeCell ref="A248:A249"/>
    <mergeCell ref="B248:B249"/>
    <mergeCell ref="A246:A247"/>
    <mergeCell ref="B246:B247"/>
    <mergeCell ref="C246:C247"/>
    <mergeCell ref="D246:D247"/>
    <mergeCell ref="H246:H247"/>
    <mergeCell ref="A242:A243"/>
    <mergeCell ref="B242:B243"/>
    <mergeCell ref="C242:C243"/>
    <mergeCell ref="D242:D243"/>
    <mergeCell ref="H224:H225"/>
    <mergeCell ref="A206:A207"/>
    <mergeCell ref="B222:B223"/>
    <mergeCell ref="C222:C223"/>
    <mergeCell ref="D222:D223"/>
    <mergeCell ref="H222:H223"/>
    <mergeCell ref="A216:A217"/>
    <mergeCell ref="H216:H217"/>
    <mergeCell ref="A218:A219"/>
    <mergeCell ref="B218:B219"/>
    <mergeCell ref="C218:C219"/>
    <mergeCell ref="D218:D219"/>
    <mergeCell ref="A224:A225"/>
    <mergeCell ref="B224:B225"/>
    <mergeCell ref="C224:C225"/>
    <mergeCell ref="C212:C213"/>
    <mergeCell ref="D212:D213"/>
    <mergeCell ref="H212:H213"/>
    <mergeCell ref="A214:A215"/>
    <mergeCell ref="B214:B215"/>
    <mergeCell ref="C214:C215"/>
    <mergeCell ref="D214:D215"/>
    <mergeCell ref="H214:H215"/>
    <mergeCell ref="H206:H207"/>
    <mergeCell ref="H226:H227"/>
    <mergeCell ref="A220:A221"/>
    <mergeCell ref="B220:B221"/>
    <mergeCell ref="C220:C221"/>
    <mergeCell ref="D220:D221"/>
    <mergeCell ref="A222:A223"/>
    <mergeCell ref="E9:F9"/>
    <mergeCell ref="A358:D359"/>
    <mergeCell ref="H358:H359"/>
    <mergeCell ref="A26:A27"/>
    <mergeCell ref="B26:B27"/>
    <mergeCell ref="C26:C27"/>
    <mergeCell ref="D26:D27"/>
    <mergeCell ref="H26:H27"/>
    <mergeCell ref="A22:A23"/>
    <mergeCell ref="B22:B23"/>
    <mergeCell ref="C22:C23"/>
    <mergeCell ref="D22:D23"/>
    <mergeCell ref="H22:H23"/>
    <mergeCell ref="H24:H25"/>
    <mergeCell ref="A320:A321"/>
    <mergeCell ref="B320:B321"/>
    <mergeCell ref="C320:C321"/>
    <mergeCell ref="H324:H325"/>
    <mergeCell ref="A324:D325"/>
    <mergeCell ref="A316:A317"/>
    <mergeCell ref="B316:B317"/>
    <mergeCell ref="C316:C317"/>
    <mergeCell ref="C10:C11"/>
    <mergeCell ref="D10:D11"/>
    <mergeCell ref="H10:I11"/>
    <mergeCell ref="B202:B203"/>
    <mergeCell ref="C202:C203"/>
    <mergeCell ref="D202:D203"/>
    <mergeCell ref="H202:H203"/>
    <mergeCell ref="B18:B19"/>
    <mergeCell ref="B20:B21"/>
    <mergeCell ref="C20:C21"/>
    <mergeCell ref="D20:D21"/>
    <mergeCell ref="H20:H21"/>
    <mergeCell ref="A14:D15"/>
    <mergeCell ref="H14:H15"/>
    <mergeCell ref="A16:A17"/>
    <mergeCell ref="A12:A13"/>
    <mergeCell ref="B12:B13"/>
    <mergeCell ref="C12:C13"/>
    <mergeCell ref="D12:D13"/>
    <mergeCell ref="H12:H13"/>
    <mergeCell ref="A28:A29"/>
    <mergeCell ref="B28:B29"/>
    <mergeCell ref="C28:C29"/>
    <mergeCell ref="D28:D29"/>
    <mergeCell ref="H18:H19"/>
    <mergeCell ref="B16:B17"/>
    <mergeCell ref="C16:C17"/>
    <mergeCell ref="D16:D17"/>
    <mergeCell ref="H16:H17"/>
    <mergeCell ref="H28:H29"/>
    <mergeCell ref="A24:A25"/>
    <mergeCell ref="B24:B25"/>
    <mergeCell ref="C24:C25"/>
    <mergeCell ref="D24:D25"/>
    <mergeCell ref="B204:B205"/>
    <mergeCell ref="C204:C205"/>
    <mergeCell ref="D204:D205"/>
    <mergeCell ref="H204:H205"/>
    <mergeCell ref="H164:H165"/>
    <mergeCell ref="H180:H181"/>
    <mergeCell ref="H188:H189"/>
    <mergeCell ref="H196:H197"/>
    <mergeCell ref="H54:H55"/>
    <mergeCell ref="C192:C193"/>
    <mergeCell ref="D192:D193"/>
    <mergeCell ref="H192:H193"/>
    <mergeCell ref="B164:B165"/>
    <mergeCell ref="C164:C165"/>
    <mergeCell ref="D164:D165"/>
    <mergeCell ref="D162:D163"/>
    <mergeCell ref="D182:D183"/>
    <mergeCell ref="H182:H183"/>
    <mergeCell ref="H198:H199"/>
    <mergeCell ref="B196:B197"/>
    <mergeCell ref="C196:C197"/>
    <mergeCell ref="D196:D197"/>
    <mergeCell ref="B188:B189"/>
    <mergeCell ref="C188:C189"/>
    <mergeCell ref="H44:H45"/>
    <mergeCell ref="B152:B153"/>
    <mergeCell ref="C18:C19"/>
    <mergeCell ref="D18:D19"/>
    <mergeCell ref="C210:C211"/>
    <mergeCell ref="D210:D211"/>
    <mergeCell ref="A202:A203"/>
    <mergeCell ref="A204:A205"/>
    <mergeCell ref="A18:A19"/>
    <mergeCell ref="A20:A21"/>
    <mergeCell ref="B206:B207"/>
    <mergeCell ref="C206:C207"/>
    <mergeCell ref="D206:D207"/>
    <mergeCell ref="A30:A31"/>
    <mergeCell ref="B30:B31"/>
    <mergeCell ref="C30:C31"/>
    <mergeCell ref="D30:D31"/>
    <mergeCell ref="C186:C187"/>
    <mergeCell ref="D186:D187"/>
    <mergeCell ref="A152:A153"/>
    <mergeCell ref="D152:D153"/>
    <mergeCell ref="A162:A163"/>
    <mergeCell ref="B162:B163"/>
    <mergeCell ref="C162:C163"/>
    <mergeCell ref="H240:H241"/>
    <mergeCell ref="A238:A239"/>
    <mergeCell ref="B238:B239"/>
    <mergeCell ref="C238:C239"/>
    <mergeCell ref="D238:D239"/>
    <mergeCell ref="H238:H239"/>
    <mergeCell ref="H194:H195"/>
    <mergeCell ref="B186:B187"/>
    <mergeCell ref="H152:H153"/>
    <mergeCell ref="A154:A155"/>
    <mergeCell ref="B154:B155"/>
    <mergeCell ref="C154:C155"/>
    <mergeCell ref="D154:D155"/>
    <mergeCell ref="H154:H155"/>
    <mergeCell ref="A156:A157"/>
    <mergeCell ref="B156:B157"/>
    <mergeCell ref="C156:C157"/>
    <mergeCell ref="D156:D157"/>
    <mergeCell ref="H156:H157"/>
    <mergeCell ref="C152:C153"/>
    <mergeCell ref="H162:H163"/>
    <mergeCell ref="D170:D171"/>
    <mergeCell ref="H170:H171"/>
    <mergeCell ref="C158:C159"/>
    <mergeCell ref="H158:H159"/>
    <mergeCell ref="A160:A161"/>
    <mergeCell ref="B160:B161"/>
    <mergeCell ref="C160:C161"/>
    <mergeCell ref="D160:D161"/>
    <mergeCell ref="H160:H161"/>
    <mergeCell ref="A170:A171"/>
    <mergeCell ref="B170:B171"/>
    <mergeCell ref="H184:H185"/>
    <mergeCell ref="H166:H167"/>
    <mergeCell ref="H172:H173"/>
    <mergeCell ref="A174:A175"/>
    <mergeCell ref="B174:B175"/>
    <mergeCell ref="C174:C175"/>
    <mergeCell ref="D174:D175"/>
    <mergeCell ref="D176:D177"/>
    <mergeCell ref="D172:D173"/>
    <mergeCell ref="A158:A159"/>
    <mergeCell ref="B158:B159"/>
    <mergeCell ref="A164:A165"/>
    <mergeCell ref="H174:H175"/>
    <mergeCell ref="H168:H169"/>
    <mergeCell ref="H186:H187"/>
    <mergeCell ref="A182:A183"/>
    <mergeCell ref="B182:B183"/>
    <mergeCell ref="C182:C183"/>
    <mergeCell ref="H176:H177"/>
    <mergeCell ref="A178:A179"/>
    <mergeCell ref="B178:B179"/>
    <mergeCell ref="C178:C179"/>
    <mergeCell ref="D178:D179"/>
    <mergeCell ref="H178:H179"/>
    <mergeCell ref="A176:A177"/>
    <mergeCell ref="B176:B177"/>
    <mergeCell ref="C176:C177"/>
    <mergeCell ref="A186:A187"/>
  </mergeCells>
  <phoneticPr fontId="5"/>
  <conditionalFormatting sqref="D116:D117">
    <cfRule type="cellIs" dxfId="17" priority="16" stopIfTrue="1" operator="equal">
      <formula>""</formula>
    </cfRule>
  </conditionalFormatting>
  <conditionalFormatting sqref="D116:D117">
    <cfRule type="cellIs" dxfId="16" priority="15" operator="equal">
      <formula>""</formula>
    </cfRule>
  </conditionalFormatting>
  <conditionalFormatting sqref="D118:D119">
    <cfRule type="cellIs" dxfId="15" priority="8" stopIfTrue="1" operator="equal">
      <formula>""</formula>
    </cfRule>
  </conditionalFormatting>
  <conditionalFormatting sqref="D118:D119">
    <cfRule type="cellIs" dxfId="14" priority="7" operator="equal">
      <formula>""</formula>
    </cfRule>
  </conditionalFormatting>
  <conditionalFormatting sqref="D120:D121 D88:D95 D98:D115 D60:D85">
    <cfRule type="cellIs" dxfId="13" priority="18" stopIfTrue="1" operator="equal">
      <formula>""</formula>
    </cfRule>
  </conditionalFormatting>
  <conditionalFormatting sqref="D120:D121 D88:D95 D98:D115 D60:D85">
    <cfRule type="cellIs" dxfId="12" priority="17" operator="equal">
      <formula>""</formula>
    </cfRule>
  </conditionalFormatting>
  <conditionalFormatting sqref="D126:D127">
    <cfRule type="cellIs" dxfId="11" priority="14" stopIfTrue="1" operator="equal">
      <formula>""</formula>
    </cfRule>
  </conditionalFormatting>
  <conditionalFormatting sqref="D126:D127">
    <cfRule type="cellIs" dxfId="10" priority="13" operator="equal">
      <formula>""</formula>
    </cfRule>
  </conditionalFormatting>
  <conditionalFormatting sqref="D86:D87">
    <cfRule type="cellIs" dxfId="9" priority="12" stopIfTrue="1" operator="equal">
      <formula>""</formula>
    </cfRule>
  </conditionalFormatting>
  <conditionalFormatting sqref="D86:D87">
    <cfRule type="cellIs" dxfId="8" priority="11" operator="equal">
      <formula>""</formula>
    </cfRule>
  </conditionalFormatting>
  <conditionalFormatting sqref="D136:D137">
    <cfRule type="cellIs" dxfId="7" priority="10" stopIfTrue="1" operator="equal">
      <formula>""</formula>
    </cfRule>
  </conditionalFormatting>
  <conditionalFormatting sqref="D136:D137">
    <cfRule type="cellIs" dxfId="6" priority="9" operator="equal">
      <formula>""</formula>
    </cfRule>
  </conditionalFormatting>
  <conditionalFormatting sqref="D96:D97">
    <cfRule type="cellIs" dxfId="5" priority="6" stopIfTrue="1" operator="equal">
      <formula>""</formula>
    </cfRule>
  </conditionalFormatting>
  <conditionalFormatting sqref="D96:D97">
    <cfRule type="cellIs" dxfId="4" priority="5" operator="equal">
      <formula>""</formula>
    </cfRule>
  </conditionalFormatting>
  <conditionalFormatting sqref="D132:D133">
    <cfRule type="cellIs" dxfId="3" priority="3" operator="equal">
      <formula>""</formula>
    </cfRule>
  </conditionalFormatting>
  <conditionalFormatting sqref="D132:D133">
    <cfRule type="cellIs" dxfId="2" priority="4" stopIfTrue="1" operator="equal">
      <formula>""</formula>
    </cfRule>
  </conditionalFormatting>
  <conditionalFormatting sqref="D130:D131">
    <cfRule type="cellIs" dxfId="1" priority="1" operator="equal">
      <formula>""</formula>
    </cfRule>
  </conditionalFormatting>
  <conditionalFormatting sqref="D130:D131">
    <cfRule type="cellIs" dxfId="0" priority="2" stopIfTrue="1" operator="equal">
      <formula>""</formula>
    </cfRule>
  </conditionalFormatting>
  <dataValidations count="2">
    <dataValidation type="list" allowBlank="1" showInputMessage="1" showErrorMessage="1" sqref="H342:H343 H346:H347 H354:H355 H332:H333 H210:H255 H260 H264 H258 H262 H316:H323 H152:H208 H326:H329 H16:H53 H268:H279 H286:H287 H56:H57 H282:H283 H336:H339 H60:H149 H290:H313" xr:uid="{00000000-0002-0000-0000-000000000000}">
      <formula1>"　　,区ＣＭ"</formula1>
    </dataValidation>
    <dataValidation type="list" allowBlank="1" showInputMessage="1" showErrorMessage="1" sqref="F11" xr:uid="{00000000-0002-0000-0000-000001000000}">
      <formula1>"調 整 ③,予 算 案 ②,予 算 ②,算 定 ②"</formula1>
    </dataValidation>
  </dataValidations>
  <hyperlinks>
    <hyperlink ref="C12:C13" r:id="rId10" display="福祉局及び区役所職員の人件費" xr:uid="{00000000-0004-0000-0000-000000000000}"/>
    <hyperlink ref="C16:C17" r:id="rId11" display="地域福祉推進事業" xr:uid="{00000000-0004-0000-0000-000001000000}"/>
    <hyperlink ref="C18:C19" r:id="rId12" display="総合的な相談支援体制の充実事業" xr:uid="{00000000-0004-0000-0000-000002000000}"/>
    <hyperlink ref="C20:C21" r:id="rId13" display="地域福祉活動支援事業" xr:uid="{00000000-0004-0000-0000-000003000000}"/>
    <hyperlink ref="C22:C23" r:id="rId14" display="地域における要援護者の見守りネットワーク強化事業" xr:uid="{00000000-0004-0000-0000-000004000000}"/>
    <hyperlink ref="C24:C25" r:id="rId15" display="権利擁護相談支援事業" xr:uid="{00000000-0004-0000-0000-000005000000}"/>
    <hyperlink ref="C26:C27" r:id="rId16" display="民生委員活動事業" xr:uid="{00000000-0004-0000-0000-000006000000}"/>
    <hyperlink ref="C28:C29" r:id="rId17" display="緊急援護資金貸付事業" xr:uid="{00000000-0004-0000-0000-000007000000}"/>
    <hyperlink ref="C30:C31" r:id="rId18" display="「ごみ屋敷」課題解決推進事業" xr:uid="{00000000-0004-0000-0000-000008000000}"/>
    <hyperlink ref="C32:C33" r:id="rId19" display="福祉事務関係職員研修等事務費" xr:uid="{00000000-0004-0000-0000-000009000000}"/>
    <hyperlink ref="C34:C35" r:id="rId20" display="社会福祉連携推進法人設立支援補助" xr:uid="{00000000-0004-0000-0000-00000A000000}"/>
    <hyperlink ref="C36:C37" r:id="rId21" display="福祉局運営費" xr:uid="{00000000-0004-0000-0000-00000B000000}"/>
    <hyperlink ref="C38:C39" r:id="rId22" display="市有ブロック塀等の安全対策" xr:uid="{00000000-0004-0000-0000-00000C000000}"/>
    <hyperlink ref="C40:C41" r:id="rId23" display="総合福祉(福祉五法)システム運用・保守等経費" xr:uid="{00000000-0004-0000-0000-00000D000000}"/>
    <hyperlink ref="C42:C43" r:id="rId24" display="標準準拠システム移行経費(総合福祉システム)" xr:uid="{00000000-0004-0000-0000-00000E000000}"/>
    <hyperlink ref="C46:C47" r:id="rId25" display="国民年金事務費" xr:uid="{00000000-0004-0000-0000-00000F000000}"/>
    <hyperlink ref="C48:C49" r:id="rId26" display="保険年金システム運用・保守等経費" xr:uid="{00000000-0004-0000-0000-000010000000}"/>
    <hyperlink ref="C50:C51" r:id="rId27" display="保険年金システム改修等経費" xr:uid="{00000000-0004-0000-0000-000011000000}"/>
    <hyperlink ref="C52:C53" r:id="rId28" display="標準準拠システム移行経費(保険年金システム)" xr:uid="{00000000-0004-0000-0000-000012000000}"/>
    <hyperlink ref="C56:C57" r:id="rId29" display="社会福祉施設職員福利厚生基金積立金" xr:uid="{00000000-0004-0000-0000-000013000000}"/>
    <hyperlink ref="C60:C61" r:id="rId30" display="自立支援給付" xr:uid="{00000000-0004-0000-0000-000014000000}"/>
    <hyperlink ref="C62:C63" r:id="rId31" display="障がい児給付" xr:uid="{00000000-0004-0000-0000-000015000000}"/>
    <hyperlink ref="C64:C65" r:id="rId32" display="地域生活支援事業" xr:uid="{00000000-0004-0000-0000-000016000000}"/>
    <hyperlink ref="C66:C67" r:id="rId33" display="重度障がい者医療費助成" xr:uid="{00000000-0004-0000-0000-000017000000}"/>
    <hyperlink ref="C68:C69" r:id="rId34" display="障がい児措置費" xr:uid="{00000000-0004-0000-0000-000018000000}"/>
    <hyperlink ref="C70:C71" r:id="rId35" display="法外援護費" xr:uid="{00000000-0004-0000-0000-000019000000}"/>
    <hyperlink ref="C72:C73" r:id="rId36" display="障がい者リハビリテーション促進事業" xr:uid="{00000000-0004-0000-0000-00001A000000}"/>
    <hyperlink ref="C74:C75" r:id="rId37" display="重症心身障がい者施設通所助成" xr:uid="{00000000-0004-0000-0000-00001B000000}"/>
    <hyperlink ref="C76:C77" r:id="rId38" display="障がい者訓練等通所交通費" xr:uid="{00000000-0004-0000-0000-00001C000000}"/>
    <hyperlink ref="C78:C79" r:id="rId39" display="難聴児補聴器給付事業" xr:uid="{00000000-0004-0000-0000-00001D000000}"/>
    <hyperlink ref="C80:C81" r:id="rId40" display="医療的ケアを必要とする重症心身障がい児者等支援事業" xr:uid="{00000000-0004-0000-0000-00001E000000}"/>
    <hyperlink ref="C82:C83" r:id="rId41" display="障がい児者歯科診療事業" xr:uid="{00000000-0004-0000-0000-00001F000000}"/>
    <hyperlink ref="C84:C85" r:id="rId42" display="障がい者在宅支援事業" xr:uid="{00000000-0004-0000-0000-000020000000}"/>
    <hyperlink ref="C86:C87" r:id="rId43" display="発達障がい者支援事業" xr:uid="{00000000-0004-0000-0000-000021000000}"/>
    <hyperlink ref="C88:C89" r:id="rId44" display="障がい者就業支援事業" xr:uid="{00000000-0004-0000-0000-000022000000}"/>
    <hyperlink ref="C90:C91" r:id="rId45" display="身体・知的障がい者等の地下鉄等乗車料金福祉措置" xr:uid="{00000000-0004-0000-0000-000023000000}"/>
    <hyperlink ref="C92:C93" r:id="rId46" display="障がい者活動等推進事業" xr:uid="{00000000-0004-0000-0000-000024000000}"/>
    <hyperlink ref="C94:C95" r:id="rId47" display="障がい者スポーツセンター等運営費" xr:uid="{00000000-0004-0000-0000-000025000000}"/>
    <hyperlink ref="C96:C97" r:id="rId48" display="長居障がい者スポーツセンター建替整備" xr:uid="{00000000-0004-0000-0000-000026000000}"/>
    <hyperlink ref="C98:C99" r:id="rId49" display="点字図書館運営費" xr:uid="{00000000-0004-0000-0000-000027000000}"/>
    <hyperlink ref="C100:C101" r:id="rId50" display="早川福祉会館運営費" xr:uid="{00000000-0004-0000-0000-000028000000}"/>
    <hyperlink ref="C102:C103" r:id="rId51" display="敷津浦学園運営費" xr:uid="{00000000-0004-0000-0000-000029000000}"/>
    <hyperlink ref="C104:C105" r:id="rId52" display="障がい者相談員設置事業" xr:uid="{00000000-0004-0000-0000-00002A000000}"/>
    <hyperlink ref="C106:C107" r:id="rId53" display="障がい者健康診査事業" xr:uid="{00000000-0004-0000-0000-00002B000000}"/>
    <hyperlink ref="C108:C109" r:id="rId54" display="リハビリテーションセンター運営費" xr:uid="{00000000-0004-0000-0000-00002C000000}"/>
    <hyperlink ref="C110:C111" r:id="rId55" display="リハビリテーションセンター整備事業" xr:uid="{00000000-0004-0000-0000-00002D000000}"/>
    <hyperlink ref="C112:C113" r:id="rId56" display="障がい福祉サービス事業者等指定・指導業務" xr:uid="{00000000-0004-0000-0000-00002E000000}"/>
    <hyperlink ref="C114:C115" r:id="rId57" display="障がい支援区分認定事務費" xr:uid="{00000000-0004-0000-0000-00002F000000}"/>
    <hyperlink ref="C116:C117" r:id="rId58" display="障がい者差別解消の推進" xr:uid="{00000000-0004-0000-0000-000030000000}"/>
    <hyperlink ref="C118:C119" r:id="rId59" display="強度行動障がい者のグループホーム移行促進事業" xr:uid="{00000000-0004-0000-0000-000031000000}"/>
    <hyperlink ref="C120:C121" r:id="rId60" display="障がい者福祉関係事務費" xr:uid="{00000000-0004-0000-0000-000032000000}"/>
    <hyperlink ref="C122:C123" r:id="rId61" display="障がい福祉施設整備費補助事業" xr:uid="{00000000-0004-0000-0000-000033000000}"/>
    <hyperlink ref="C124:C125" r:id="rId62" display="障がい者グループホーム整備助成" xr:uid="{00000000-0004-0000-0000-000034000000}"/>
    <hyperlink ref="C126:C127" r:id="rId63" display="鉄道駅舎エレベーター等設置補助" xr:uid="{00000000-0004-0000-0000-000035000000}"/>
    <hyperlink ref="C128:C129" r:id="rId64" display="障がい福祉サービス継続支援事業補助" xr:uid="{00000000-0004-0000-0000-000036000000}"/>
    <hyperlink ref="C130:C131" r:id="rId65" display="障がい福祉分野のＩＣＴ導入モデル事業補助" xr:uid="{00000000-0004-0000-0000-000037000000}"/>
    <hyperlink ref="C132:C133" r:id="rId66" display="障がい福祉分野のロボット等導入支援事業補助" xr:uid="{00000000-0004-0000-0000-000038000000}"/>
    <hyperlink ref="C134:C135" r:id="rId67" display="総合福祉(福祉五法)システム運用・保守等経費" xr:uid="{00000000-0004-0000-0000-000039000000}"/>
    <hyperlink ref="C136:C137" r:id="rId68" display="総合福祉(福祉五法)システム改修等経費" xr:uid="{00000000-0004-0000-0000-00003A000000}"/>
    <hyperlink ref="C138:C139" r:id="rId69" display="標準準拠システム移行経費(総合福祉システム)" xr:uid="{00000000-0004-0000-0000-00003B000000}"/>
    <hyperlink ref="C140:C141" r:id="rId70" display="保険年金システム運用・保守等経費" xr:uid="{00000000-0004-0000-0000-00003C000000}"/>
    <hyperlink ref="C142:C143" r:id="rId71" display="保険年金システム改修等経費" xr:uid="{00000000-0004-0000-0000-00003D000000}"/>
    <hyperlink ref="C144:C145" r:id="rId72" display="標準準拠システム移行経費(保険年金システム)" xr:uid="{00000000-0004-0000-0000-00003E000000}"/>
    <hyperlink ref="C146:C147" r:id="rId73" display="国庫支出金等の還付金" xr:uid="{00000000-0004-0000-0000-00003F000000}"/>
    <hyperlink ref="C148:C149" r:id="rId74" display="障がい者支援施設等の個室化改修等支援事業補助" xr:uid="{00000000-0004-0000-0000-000040000000}"/>
    <hyperlink ref="C152:C153" r:id="rId75" display="後期高齢者医療事業負担金" xr:uid="{00000000-0004-0000-0000-000041000000}"/>
    <hyperlink ref="C154:C155" r:id="rId76" display="認知症高齢者支援事業" xr:uid="{00000000-0004-0000-0000-000042000000}"/>
    <hyperlink ref="C156:C157" r:id="rId77" display="認知症対策普及・相談・支援事業" xr:uid="{00000000-0004-0000-0000-000043000000}"/>
    <hyperlink ref="C158:C159" r:id="rId78" display="社会福祉研修・情報センター運営費" xr:uid="{00000000-0004-0000-0000-000044000000}"/>
    <hyperlink ref="C160:C161" r:id="rId79" display="高齢者在宅支援事業" xr:uid="{00000000-0004-0000-0000-000045000000}"/>
    <hyperlink ref="C162:C163" r:id="rId80" display="公衆浴場衛生向上等事業補助" xr:uid="{00000000-0004-0000-0000-000046000000}"/>
    <hyperlink ref="C164:C165" r:id="rId81" display="低所得者利用者負担対策事業" xr:uid="{00000000-0004-0000-0000-000047000000}"/>
    <hyperlink ref="C166:C167" r:id="rId82" display="暫定サービス利用者等にかかる介護支援事業" xr:uid="{00000000-0004-0000-0000-000048000000}"/>
    <hyperlink ref="C168:C169" r:id="rId83" display="老人保護措置費" xr:uid="{00000000-0004-0000-0000-000049000000}"/>
    <hyperlink ref="C170:C171" r:id="rId84" display="生活支援ハウス運営費" xr:uid="{00000000-0004-0000-0000-00004A000000}"/>
    <hyperlink ref="C172:C173" r:id="rId85" display="日常生活支援費" xr:uid="{00000000-0004-0000-0000-00004B000000}"/>
    <hyperlink ref="C174:C175" r:id="rId86" display="軽費老人ホームサービス提供費補助" xr:uid="{00000000-0004-0000-0000-00004C000000}"/>
    <hyperlink ref="C176:C177" r:id="rId87" display="特別養護老人ホーム建設助成" xr:uid="{00000000-0004-0000-0000-00004D000000}"/>
    <hyperlink ref="C178:C179" r:id="rId88" display="多床室のプライバシー確保事業" xr:uid="{00000000-0004-0000-0000-00004E000000}"/>
    <hyperlink ref="C180:C181" r:id="rId89" display="小規模多機能型居宅介護拠点等整備助成" xr:uid="{00000000-0004-0000-0000-00004F000000}"/>
    <hyperlink ref="C182:C183" r:id="rId90" display="施設開設準備経費等支援事業" xr:uid="{00000000-0004-0000-0000-000050000000}"/>
    <hyperlink ref="C184:C185" r:id="rId91" display="介護医療院転換整備助成" xr:uid="{00000000-0004-0000-0000-000051000000}"/>
    <hyperlink ref="C186:C187" r:id="rId92" display="介護施設等の看取り環境整備助成" xr:uid="{00000000-0004-0000-0000-000052000000}"/>
    <hyperlink ref="C188:C189" r:id="rId93" display="介護職員の宿舎施設整備助成" xr:uid="{00000000-0004-0000-0000-000053000000}"/>
    <hyperlink ref="C190:C191" r:id="rId94" display="介護施設等の創設を条件に行う広域型施設の大規模修繕・耐震化整備助成" xr:uid="{00000000-0004-0000-0000-000054000000}"/>
    <hyperlink ref="C192:C193" r:id="rId95" display="地域介護・福祉空間整備等施設整備事業" xr:uid="{00000000-0004-0000-0000-000055000000}"/>
    <hyperlink ref="C194:C195" r:id="rId96" display="老人福祉センター運営費" xr:uid="{00000000-0004-0000-0000-000056000000}"/>
    <hyperlink ref="C196:C197" r:id="rId97" display="老人クラブ事業" xr:uid="{00000000-0004-0000-0000-000057000000}"/>
    <hyperlink ref="C198:C199" r:id="rId98" display="敬老優待乗車証交付事業" xr:uid="{00000000-0004-0000-0000-000058000000}"/>
    <hyperlink ref="C200:C201" r:id="rId99" display="高齢者入浴利用料割引事業" xr:uid="{00000000-0004-0000-0000-000059000000}"/>
    <hyperlink ref="C202:C203" r:id="rId100" display="高齢者福祉月間事業" xr:uid="{00000000-0004-0000-0000-00005A000000}"/>
    <hyperlink ref="C204:C205" r:id="rId101" display="全国健康福祉祭選手団派遣事業" xr:uid="{00000000-0004-0000-0000-00005B000000}"/>
    <hyperlink ref="C206:C207" r:id="rId102" display="高年齢者就業機会確保事業" xr:uid="{00000000-0004-0000-0000-00005C000000}"/>
    <hyperlink ref="C208:C209" r:id="rId103" display="老人福祉関係事務費" xr:uid="{00000000-0004-0000-0000-00005D000000}"/>
    <hyperlink ref="C210:C211" r:id="rId104" display="老人医療費助成" xr:uid="{00000000-0004-0000-0000-00005E000000}"/>
    <hyperlink ref="C212:C213" r:id="rId105" display="市有ブロック塀等の安全対策" xr:uid="{00000000-0004-0000-0000-00005F000000}"/>
    <hyperlink ref="C214:C215" r:id="rId106" display="介護サービス継続支援事業補助" xr:uid="{00000000-0004-0000-0000-000060000000}"/>
    <hyperlink ref="C216:C217" r:id="rId107" display="介護施設等の個室化改修支援事業補助" xr:uid="{00000000-0004-0000-0000-000061000000}"/>
    <hyperlink ref="C218:C219" r:id="rId108" display="介護施設等における簡易陰圧装置設置事業補助" xr:uid="{00000000-0004-0000-0000-000062000000}"/>
    <hyperlink ref="C220:C221" r:id="rId109" display="介護施設等におけるゾーニング環境等の整備事業補助" xr:uid="{00000000-0004-0000-0000-000063000000}"/>
    <hyperlink ref="C222:C223" r:id="rId110" display="総合福祉(福祉五法)システム運用・保守等経費" xr:uid="{00000000-0004-0000-0000-000064000000}"/>
    <hyperlink ref="C224:C225" r:id="rId111" display="総合福祉(福祉五法)システム改修等経費" xr:uid="{00000000-0004-0000-0000-000065000000}"/>
    <hyperlink ref="C226:C227" r:id="rId112" display="標準準拠システム移行経費(総合福祉システム)" xr:uid="{00000000-0004-0000-0000-000066000000}"/>
    <hyperlink ref="C228:C229" r:id="rId113" display="保険年金システム運用・保守等経費" xr:uid="{00000000-0004-0000-0000-000067000000}"/>
    <hyperlink ref="C230:C231" r:id="rId114" display="標準準拠システム移行経費(保険年金システム)" xr:uid="{00000000-0004-0000-0000-000068000000}"/>
    <hyperlink ref="C232:C233" r:id="rId115" display="国庫支出金等の還付金" xr:uid="{00000000-0004-0000-0000-000069000000}"/>
    <hyperlink ref="C236:C237" r:id="rId116" display="生活困窮者自立支援事業" xr:uid="{00000000-0004-0000-0000-00006A000000}"/>
    <hyperlink ref="C238:C239" r:id="rId117" display="新型コロナウイルス感染症生活困窮者自立支援金支給事業" xr:uid="{00000000-0004-0000-0000-00006B000000}"/>
    <hyperlink ref="C240:C241" r:id="rId118" display="生活ケアセンター事業" xr:uid="{00000000-0004-0000-0000-00006C000000}"/>
    <hyperlink ref="C242:C243" r:id="rId119" display="自立支援センターの管理運営" xr:uid="{00000000-0004-0000-0000-00006D000000}"/>
    <hyperlink ref="C244:C245" r:id="rId120" display="ホームレス巡回相談事業" xr:uid="{00000000-0004-0000-0000-00006E000000}"/>
    <hyperlink ref="C246:C247" r:id="rId121" display="生活困窮者自立支援事業関係事務費" xr:uid="{00000000-0004-0000-0000-00006F000000}"/>
    <hyperlink ref="C248:C249" r:id="rId122" display="総合福祉(福祉五法)システム運用・保守等経費" xr:uid="{00000000-0004-0000-0000-000070000000}"/>
    <hyperlink ref="C250:C251" r:id="rId123" display="総合福祉(福祉五法)システム改修等経費" xr:uid="{00000000-0004-0000-0000-000071000000}"/>
    <hyperlink ref="C252:C253" r:id="rId124" display="標準準拠システム移行経費(総合福祉システム)" xr:uid="{00000000-0004-0000-0000-000072000000}"/>
    <hyperlink ref="C254:C255" r:id="rId125" display="国庫支出金等の還付金" xr:uid="{00000000-0004-0000-0000-000073000000}"/>
    <hyperlink ref="C258:C259" r:id="rId126" display="あいりん日雇労働者等自立支援事業" xr:uid="{00000000-0004-0000-0000-000074000000}"/>
    <hyperlink ref="C260:C261" r:id="rId127" display="大阪社会医療センター無料低額診療等事業補助金" xr:uid="{00000000-0004-0000-0000-000075000000}"/>
    <hyperlink ref="C262:C263" r:id="rId128" display="大阪社会医療センター建替整備" xr:uid="{00000000-0004-0000-0000-000076000000}"/>
    <hyperlink ref="C264:C265" r:id="rId129" display="環境改善関係事務費" xr:uid="{00000000-0004-0000-0000-000077000000}"/>
    <hyperlink ref="C268:C269" r:id="rId130" display="中国残留邦人等に対する支援事業" xr:uid="{00000000-0004-0000-0000-000078000000}"/>
    <hyperlink ref="C270:C271" r:id="rId131" display="社会福祉研修・情報センター運営費" xr:uid="{00000000-0004-0000-0000-000079000000}"/>
    <hyperlink ref="C272:C273" r:id="rId132" display="社会福祉センター運営費" xr:uid="{00000000-0004-0000-0000-00007A000000}"/>
    <hyperlink ref="C274:C275" r:id="rId133" display="戦没者遺族等援護対策事業" xr:uid="{00000000-0004-0000-0000-00007B000000}"/>
    <hyperlink ref="C276:C277" r:id="rId134" display="行旅死病人取扱費" xr:uid="{00000000-0004-0000-0000-00007C000000}"/>
    <hyperlink ref="C278:C279" r:id="rId135" display="国庫支出金の還付金" xr:uid="{00000000-0004-0000-0000-00007D000000}"/>
    <hyperlink ref="C282:C283" r:id="rId136" display="渡邊心身障害者福祉基金積立金" xr:uid="{00000000-0004-0000-0000-00007E000000}"/>
    <hyperlink ref="C286:C287" r:id="rId137" display="社会福祉振興基金積立金" xr:uid="{00000000-0004-0000-0000-00007F000000}"/>
    <hyperlink ref="C290:C291" r:id="rId138" display="生活保護適正化推進等事業の実施" xr:uid="{00000000-0004-0000-0000-000080000000}"/>
    <hyperlink ref="C292:C293" r:id="rId139" display="ケースワーク業務の充実・強化" xr:uid="{00000000-0004-0000-0000-000081000000}"/>
    <hyperlink ref="C294:C295" r:id="rId140" display="生活保護受給者等への就労自立支援" xr:uid="{00000000-0004-0000-0000-000082000000}"/>
    <hyperlink ref="C296:C297" r:id="rId141" display="生活保護関係事務費・運営費" xr:uid="{00000000-0004-0000-0000-000083000000}"/>
    <hyperlink ref="C298:C299" r:id="rId142" display="医療扶助等運営費" xr:uid="{00000000-0004-0000-0000-000084000000}"/>
    <hyperlink ref="C300:C301" r:id="rId143" display="生活保護施設運営費" xr:uid="{00000000-0004-0000-0000-000085000000}"/>
    <hyperlink ref="C302:C303" r:id="rId144" display="保護施設の衛生管理体制確保支援等事業補助" xr:uid="{00000000-0004-0000-0000-000086000000}"/>
    <hyperlink ref="C304:C305" r:id="rId145" display="総合福祉(生活保護)システム運用・保守等経費" xr:uid="{00000000-0004-0000-0000-000087000000}"/>
    <hyperlink ref="C306:C307" r:id="rId146" display="総合福祉(生活保護)システム改修等経費" xr:uid="{00000000-0004-0000-0000-000088000000}"/>
    <hyperlink ref="C308:C309" r:id="rId147" display="標準準拠システム移行経費(総合福祉システム)" xr:uid="{00000000-0004-0000-0000-000089000000}"/>
    <hyperlink ref="C310:C311" r:id="rId148" display="国庫支出金の還付金" xr:uid="{00000000-0004-0000-0000-00008A000000}"/>
    <hyperlink ref="C312:C313" r:id="rId149" display="保護施設の個室化改修等支援事業補助" xr:uid="{00000000-0004-0000-0000-00008B000000}"/>
    <hyperlink ref="C316:C317" r:id="rId150" display="生活保護費" xr:uid="{00000000-0004-0000-0000-00008C000000}"/>
    <hyperlink ref="C318:C319" r:id="rId151" display="就労自立給付金" xr:uid="{00000000-0004-0000-0000-00008D000000}"/>
    <hyperlink ref="C320:C321" r:id="rId152" display="進学準備給付金" xr:uid="{00000000-0004-0000-0000-00008E000000}"/>
    <hyperlink ref="C322:C323" r:id="rId153" display="国庫支出金等の還付金" xr:uid="{00000000-0004-0000-0000-00008F000000}"/>
    <hyperlink ref="C326:C327" r:id="rId154" display="弘済院内施設管理費" xr:uid="{00000000-0004-0000-0000-000090000000}"/>
    <hyperlink ref="C328:C329" r:id="rId155" display="弘済院の認知症医療・介護機能を継承・発展させる新施設の整備" xr:uid="{00000000-0004-0000-0000-000091000000}"/>
    <hyperlink ref="C332:C333" r:id="rId156" display="弘済院第２特別養護老人ホーム運営費" xr:uid="{00000000-0004-0000-0000-000092000000}"/>
    <hyperlink ref="C336:C337" r:id="rId157" display="弘済院附属病院運営費" xr:uid="{00000000-0004-0000-0000-000093000000}"/>
    <hyperlink ref="C338:C339" r:id="rId158" display="診療費等の還付金" xr:uid="{00000000-0004-0000-0000-000094000000}"/>
    <hyperlink ref="C342:C343" r:id="rId159" display="国民健康保険事業会計繰出金" xr:uid="{00000000-0004-0000-0000-000095000000}"/>
    <hyperlink ref="C346:C347" r:id="rId160" display="心身障害者扶養共済事業会計繰出金" xr:uid="{00000000-0004-0000-0000-000096000000}"/>
    <hyperlink ref="C350:C351" r:id="rId161" display="介護保険事業会計繰出金" xr:uid="{00000000-0004-0000-0000-000097000000}"/>
    <hyperlink ref="C354:C355" r:id="rId162" display="後期高齢者医療事業会計繰出金" xr:uid="{00000000-0004-0000-0000-000098000000}"/>
  </hyperlinks>
  <pageMargins left="0.70866141732283472" right="0.70866141732283472" top="0.78740157480314965" bottom="0.59055118110236227" header="0.31496062992125984" footer="0.31496062992125984"/>
  <pageSetup paperSize="9" scale="80" fitToHeight="0" orientation="portrait" cellComments="asDisplayed" r:id="rId163"/>
  <rowBreaks count="4" manualBreakCount="4">
    <brk id="71" max="8" man="1"/>
    <brk id="133" max="8" man="1"/>
    <brk id="195" max="8" man="1"/>
    <brk id="257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一般会計</vt:lpstr>
      <vt:lpstr>一般会計!Print_Area</vt:lpstr>
      <vt:lpstr>一般会計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藤谷　哲也</cp:lastModifiedBy>
  <cp:lastPrinted>2023-02-13T04:08:48Z</cp:lastPrinted>
  <dcterms:created xsi:type="dcterms:W3CDTF">2021-12-28T10:38:21Z</dcterms:created>
  <dcterms:modified xsi:type="dcterms:W3CDTF">2023-02-14T06:32:17Z</dcterms:modified>
</cp:coreProperties>
</file>